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4" rupBuild="24334"/>
  <workbookPr defaultThemeVersion="124226"/>
  <mc:AlternateContent xmlns:mc="http://schemas.openxmlformats.org/markup-compatibility/2006">
    <mc:Choice Requires="x15">
      <x15ac:absPath xmlns:x15ac="http://schemas.microsoft.com/office/spreadsheetml/2010/11/ac" url="C:\Users\s145370\Desktop\水泳\高体連\東播高体連\秋季招待\"/>
    </mc:Choice>
  </mc:AlternateContent>
  <xr:revisionPtr revIDLastSave="0" documentId="13_ncr:1_{E1E9D769-94EC-418C-BD89-A0649F938739}" xr6:coauthVersionLast="47" xr6:coauthVersionMax="47" xr10:uidLastSave="{00000000-0000-0000-0000-000000000000}"/>
  <bookViews>
    <workbookView xWindow="-120" yWindow="-120" windowWidth="20730" windowHeight="11040" xr2:uid="{00000000-000D-0000-FFFF-FFFF00000000}"/>
  </bookViews>
  <sheets>
    <sheet name="県高校（Ａ）票" sheetId="7" r:id="rId1"/>
  </sheets>
  <definedNames>
    <definedName name="_Order1" hidden="1">255</definedName>
    <definedName name="_xlnm.Print_Area" localSheetId="0">'県高校（Ａ）票'!$A$1:$V$48,'県高校（Ａ）票'!$A$50:$V$97</definedName>
  </definedNames>
  <calcPr calcId="191029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</xcalcf:calcFeatures>
    </ext>
    <ext xmlns:xlwcv="http://schemas.microsoft.com/office/spreadsheetml/2024/workbookCompatibilityVersion" uri="{D14903EA-33C4-47F7-8F05-3474C54BE107}">
      <xlwcv:version setVersion="1"/>
    </ext>
  </extLst>
</workbook>
</file>

<file path=xl/calcChain.xml><?xml version="1.0" encoding="utf-8"?>
<calcChain xmlns="http://schemas.openxmlformats.org/spreadsheetml/2006/main">
  <c r="B93" i="7" l="1"/>
  <c r="B34" i="7"/>
  <c r="A50" i="7" l="1"/>
  <c r="B83" i="7" s="1"/>
</calcChain>
</file>

<file path=xl/sharedStrings.xml><?xml version="1.0" encoding="utf-8"?>
<sst xmlns="http://schemas.openxmlformats.org/spreadsheetml/2006/main" count="56" uniqueCount="32">
  <si>
    <r>
      <t>参加種目一覧表 及び 学校長認知書 （Ａ）</t>
    </r>
    <r>
      <rPr>
        <b/>
        <u/>
        <sz val="20"/>
        <rFont val="ＭＳ 明朝"/>
        <family val="1"/>
        <charset val="128"/>
      </rPr>
      <t>　</t>
    </r>
    <r>
      <rPr>
        <b/>
        <sz val="20"/>
        <rFont val="ＭＳ 明朝"/>
        <family val="1"/>
        <charset val="128"/>
      </rPr>
      <t>　</t>
    </r>
    <rPh sb="0" eb="2">
      <t>サンカ</t>
    </rPh>
    <rPh sb="2" eb="4">
      <t>シュモク</t>
    </rPh>
    <rPh sb="4" eb="6">
      <t>イチラン</t>
    </rPh>
    <rPh sb="6" eb="7">
      <t>ヒョウ</t>
    </rPh>
    <rPh sb="8" eb="9">
      <t>オヨ</t>
    </rPh>
    <rPh sb="11" eb="14">
      <t>ガッコウチョウ</t>
    </rPh>
    <rPh sb="14" eb="16">
      <t>ニンチ</t>
    </rPh>
    <rPh sb="16" eb="17">
      <t>ショ</t>
    </rPh>
    <phoneticPr fontId="3"/>
  </si>
  <si>
    <t>男　子</t>
    <rPh sb="0" eb="1">
      <t>オトコ</t>
    </rPh>
    <rPh sb="2" eb="3">
      <t>コ</t>
    </rPh>
    <phoneticPr fontId="7"/>
  </si>
  <si>
    <t>氏　　名</t>
    <rPh sb="0" eb="1">
      <t>シ</t>
    </rPh>
    <rPh sb="3" eb="4">
      <t>メイ</t>
    </rPh>
    <phoneticPr fontId="7"/>
  </si>
  <si>
    <t>自　由　形</t>
    <rPh sb="0" eb="1">
      <t>ジ</t>
    </rPh>
    <rPh sb="2" eb="3">
      <t>ヨシ</t>
    </rPh>
    <rPh sb="4" eb="5">
      <t>ケイ</t>
    </rPh>
    <phoneticPr fontId="7"/>
  </si>
  <si>
    <t>背泳ぎ</t>
    <rPh sb="0" eb="1">
      <t>セ</t>
    </rPh>
    <rPh sb="1" eb="2">
      <t>オヨ</t>
    </rPh>
    <phoneticPr fontId="7"/>
  </si>
  <si>
    <t>平泳ぎ</t>
    <rPh sb="0" eb="2">
      <t>ヒラオヨ</t>
    </rPh>
    <phoneticPr fontId="7"/>
  </si>
  <si>
    <t>個人メドレー</t>
    <rPh sb="0" eb="2">
      <t>コジン</t>
    </rPh>
    <phoneticPr fontId="7"/>
  </si>
  <si>
    <t xml:space="preserve"> 学 校 名</t>
    <phoneticPr fontId="7"/>
  </si>
  <si>
    <t xml:space="preserve"> 学 校 長</t>
    <phoneticPr fontId="7"/>
  </si>
  <si>
    <t>印</t>
  </si>
  <si>
    <t xml:space="preserve"> 住　所</t>
    <phoneticPr fontId="7"/>
  </si>
  <si>
    <t>〒</t>
  </si>
  <si>
    <t xml:space="preserve"> 記載責任者氏名</t>
    <phoneticPr fontId="7"/>
  </si>
  <si>
    <t xml:space="preserve"> 連絡先電話番号</t>
    <rPh sb="1" eb="4">
      <t>レンラクサキ</t>
    </rPh>
    <rPh sb="4" eb="6">
      <t>デンワ</t>
    </rPh>
    <rPh sb="6" eb="8">
      <t>バンゴウ</t>
    </rPh>
    <phoneticPr fontId="7"/>
  </si>
  <si>
    <t>女　子</t>
    <rPh sb="0" eb="1">
      <t>オンナ</t>
    </rPh>
    <rPh sb="2" eb="3">
      <t>コ</t>
    </rPh>
    <phoneticPr fontId="7"/>
  </si>
  <si>
    <t>№</t>
    <phoneticPr fontId="7"/>
  </si>
  <si>
    <t>フ リ ガ ナ</t>
    <phoneticPr fontId="7"/>
  </si>
  <si>
    <t>バタフライ</t>
    <phoneticPr fontId="7"/>
  </si>
  <si>
    <t>学</t>
    <rPh sb="0" eb="1">
      <t>ガク</t>
    </rPh>
    <phoneticPr fontId="7"/>
  </si>
  <si>
    <t>年</t>
    <rPh sb="0" eb="1">
      <t>ネン</t>
    </rPh>
    <phoneticPr fontId="7"/>
  </si>
  <si>
    <t>№   　</t>
    <phoneticPr fontId="7"/>
  </si>
  <si>
    <t>に上記の一覧表の通り参加を申し込みます。</t>
    <rPh sb="1" eb="3">
      <t>ジョウキ</t>
    </rPh>
    <rPh sb="4" eb="7">
      <t>イチランヒョウ</t>
    </rPh>
    <rPh sb="8" eb="9">
      <t>トオ</t>
    </rPh>
    <rPh sb="10" eb="12">
      <t>サンカ</t>
    </rPh>
    <rPh sb="13" eb="14">
      <t>モウ</t>
    </rPh>
    <rPh sb="15" eb="16">
      <t>コ</t>
    </rPh>
    <phoneticPr fontId="2"/>
  </si>
  <si>
    <r>
      <t>＊</t>
    </r>
    <r>
      <rPr>
        <b/>
        <sz val="16"/>
        <rFont val="ＭＳ 明朝"/>
        <family val="1"/>
        <charset val="128"/>
      </rPr>
      <t>黒ボールペン</t>
    </r>
    <r>
      <rPr>
        <sz val="16"/>
        <rFont val="ＭＳ 明朝"/>
        <family val="1"/>
        <charset val="128"/>
      </rPr>
      <t>で記入してください　＊参加種目に○印を記入してください　＊不足の場合はコピーしてください。</t>
    </r>
    <rPh sb="1" eb="2">
      <t>クロ</t>
    </rPh>
    <rPh sb="18" eb="20">
      <t>サンカ</t>
    </rPh>
    <phoneticPr fontId="7"/>
  </si>
  <si>
    <t>＊参加種目に○印を記入してください　＊不足の場合はコピーしてください。</t>
    <rPh sb="1" eb="3">
      <t>サンカ</t>
    </rPh>
    <phoneticPr fontId="7"/>
  </si>
  <si>
    <t>ＦＲ</t>
    <phoneticPr fontId="2"/>
  </si>
  <si>
    <t>ＭＲ</t>
    <phoneticPr fontId="2"/>
  </si>
  <si>
    <t>名　　　前</t>
    <rPh sb="0" eb="1">
      <t>ナ</t>
    </rPh>
    <rPh sb="4" eb="5">
      <t>マエ</t>
    </rPh>
    <phoneticPr fontId="7"/>
  </si>
  <si>
    <t>4×50</t>
    <phoneticPr fontId="2"/>
  </si>
  <si>
    <t>1 名２ 種目以内</t>
    <phoneticPr fontId="2"/>
  </si>
  <si>
    <t>　1 名２ 種目以内</t>
    <phoneticPr fontId="2"/>
  </si>
  <si>
    <t>第４回　東播秋季タイムトライアル大会</t>
    <rPh sb="0" eb="1">
      <t>ダイ</t>
    </rPh>
    <rPh sb="2" eb="3">
      <t>カイ</t>
    </rPh>
    <rPh sb="4" eb="6">
      <t>トウバン</t>
    </rPh>
    <rPh sb="6" eb="8">
      <t>シュウキ</t>
    </rPh>
    <rPh sb="16" eb="18">
      <t>タイカイ</t>
    </rPh>
    <phoneticPr fontId="3"/>
  </si>
  <si>
    <t>令和　７　年　　月　　日</t>
    <rPh sb="0" eb="2">
      <t>レイワ</t>
    </rPh>
    <rPh sb="5" eb="6">
      <t>ネン</t>
    </rPh>
    <rPh sb="8" eb="9">
      <t>ガツ</t>
    </rPh>
    <rPh sb="11" eb="12">
      <t>ニチ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23" x14ac:knownFonts="1">
    <font>
      <sz val="11"/>
      <color theme="1"/>
      <name val="ＭＳ Ｐゴシック"/>
      <family val="3"/>
      <charset val="128"/>
      <scheme val="minor"/>
    </font>
    <font>
      <sz val="12"/>
      <name val="ＭＳ 明朝"/>
      <family val="1"/>
      <charset val="128"/>
    </font>
    <font>
      <sz val="6"/>
      <name val="ＭＳ Ｐゴシック"/>
      <family val="3"/>
      <charset val="128"/>
    </font>
    <font>
      <sz val="6"/>
      <name val="ＭＳ Ｐ明朝"/>
      <family val="1"/>
      <charset val="128"/>
    </font>
    <font>
      <b/>
      <sz val="20"/>
      <name val="ＭＳ 明朝"/>
      <family val="1"/>
      <charset val="128"/>
    </font>
    <font>
      <b/>
      <u/>
      <sz val="20"/>
      <name val="ＭＳ 明朝"/>
      <family val="1"/>
      <charset val="128"/>
    </font>
    <font>
      <b/>
      <u/>
      <sz val="16"/>
      <name val="ＭＳ 明朝"/>
      <family val="1"/>
      <charset val="128"/>
    </font>
    <font>
      <sz val="6"/>
      <name val="ＭＳ Ｐゴシック"/>
      <family val="3"/>
      <charset val="128"/>
    </font>
    <font>
      <b/>
      <sz val="12"/>
      <name val="ＭＳ 明朝"/>
      <family val="1"/>
      <charset val="128"/>
    </font>
    <font>
      <b/>
      <sz val="18"/>
      <name val="ＭＳ 明朝"/>
      <family val="1"/>
      <charset val="128"/>
    </font>
    <font>
      <sz val="14"/>
      <name val="ＭＳ 明朝"/>
      <family val="1"/>
      <charset val="128"/>
    </font>
    <font>
      <b/>
      <sz val="12"/>
      <color indexed="8"/>
      <name val="ＭＳ Ｐゴシック"/>
      <family val="3"/>
      <charset val="128"/>
    </font>
    <font>
      <b/>
      <sz val="12"/>
      <name val="ＭＳ Ｐゴシック"/>
      <family val="3"/>
      <charset val="128"/>
    </font>
    <font>
      <sz val="12"/>
      <name val="ＭＳ Ｐゴシック"/>
      <family val="3"/>
      <charset val="128"/>
    </font>
    <font>
      <b/>
      <sz val="12"/>
      <color indexed="8"/>
      <name val="ＭＳ 明朝"/>
      <family val="1"/>
      <charset val="128"/>
    </font>
    <font>
      <sz val="12"/>
      <color indexed="10"/>
      <name val="ＭＳ 明朝"/>
      <family val="1"/>
      <charset val="128"/>
    </font>
    <font>
      <sz val="14"/>
      <color indexed="10"/>
      <name val="ＭＳ 明朝"/>
      <family val="1"/>
      <charset val="128"/>
    </font>
    <font>
      <b/>
      <sz val="22"/>
      <name val="ＭＳ 明朝"/>
      <family val="1"/>
      <charset val="128"/>
    </font>
    <font>
      <sz val="16"/>
      <name val="ＭＳ 明朝"/>
      <family val="1"/>
      <charset val="128"/>
    </font>
    <font>
      <sz val="8"/>
      <name val="ＭＳ 明朝"/>
      <family val="1"/>
      <charset val="128"/>
    </font>
    <font>
      <b/>
      <sz val="16"/>
      <name val="ＭＳ 明朝"/>
      <family val="1"/>
      <charset val="128"/>
    </font>
    <font>
      <sz val="6"/>
      <name val="ＭＳ 明朝"/>
      <family val="1"/>
      <charset val="128"/>
    </font>
    <font>
      <b/>
      <sz val="18"/>
      <color indexed="8"/>
      <name val="ＭＳ 明朝"/>
      <family val="1"/>
      <charset val="128"/>
    </font>
  </fonts>
  <fills count="4">
    <fill>
      <patternFill patternType="none"/>
    </fill>
    <fill>
      <patternFill patternType="gray125"/>
    </fill>
    <fill>
      <patternFill patternType="solid">
        <fgColor rgb="FFFF99CC"/>
        <bgColor indexed="64"/>
      </patternFill>
    </fill>
    <fill>
      <patternFill patternType="solid">
        <fgColor rgb="FF00B0F0"/>
        <bgColor indexed="64"/>
      </patternFill>
    </fill>
  </fills>
  <borders count="40">
    <border>
      <left/>
      <right/>
      <top/>
      <bottom/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 style="double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/>
      <top style="medium">
        <color indexed="64"/>
      </top>
      <bottom/>
      <diagonal/>
    </border>
    <border>
      <left style="medium">
        <color indexed="64"/>
      </left>
      <right/>
      <top/>
      <bottom/>
      <diagonal/>
    </border>
    <border>
      <left style="medium">
        <color indexed="64"/>
      </left>
      <right/>
      <top/>
      <bottom style="medium">
        <color indexed="64"/>
      </bottom>
      <diagonal/>
    </border>
    <border>
      <left/>
      <right/>
      <top/>
      <bottom style="medium">
        <color indexed="64"/>
      </bottom>
      <diagonal/>
    </border>
    <border>
      <left style="thin">
        <color indexed="64"/>
      </left>
      <right/>
      <top style="medium">
        <color indexed="64"/>
      </top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thin">
        <color indexed="64"/>
      </left>
      <right style="double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double">
        <color indexed="64"/>
      </right>
      <top style="thin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thin">
        <color indexed="64"/>
      </bottom>
      <diagonal/>
    </border>
    <border>
      <left/>
      <right style="double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/>
      <diagonal/>
    </border>
    <border>
      <left style="medium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double">
        <color indexed="64"/>
      </left>
      <right/>
      <top style="medium">
        <color indexed="64"/>
      </top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/>
      <diagonal/>
    </border>
    <border>
      <left style="double">
        <color indexed="64"/>
      </left>
      <right style="thin">
        <color indexed="64"/>
      </right>
      <top/>
      <bottom style="thin">
        <color indexed="64"/>
      </bottom>
      <diagonal/>
    </border>
    <border>
      <left/>
      <right style="medium">
        <color indexed="64"/>
      </right>
      <top style="medium">
        <color indexed="64"/>
      </top>
      <bottom/>
      <diagonal/>
    </border>
    <border>
      <left/>
      <right style="medium">
        <color indexed="64"/>
      </right>
      <top/>
      <bottom/>
      <diagonal/>
    </border>
    <border>
      <left style="thin">
        <color indexed="64"/>
      </left>
      <right style="medium">
        <color indexed="64"/>
      </right>
      <top/>
      <bottom/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medium">
        <color indexed="64"/>
      </bottom>
      <diagonal/>
    </border>
    <border>
      <left/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double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double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 diagonalUp="1">
      <left style="thin">
        <color indexed="64"/>
      </left>
      <right style="double">
        <color indexed="64"/>
      </right>
      <top style="thin">
        <color indexed="64"/>
      </top>
      <bottom style="medium">
        <color indexed="64"/>
      </bottom>
      <diagonal style="thin">
        <color indexed="64"/>
      </diagonal>
    </border>
    <border diagonalUp="1">
      <left style="thin">
        <color indexed="64"/>
      </left>
      <right style="double">
        <color indexed="64"/>
      </right>
      <top style="thin">
        <color indexed="64"/>
      </top>
      <bottom style="thin">
        <color indexed="64"/>
      </bottom>
      <diagonal style="thin">
        <color indexed="64"/>
      </diagonal>
    </border>
  </borders>
  <cellStyleXfs count="3">
    <xf numFmtId="0" fontId="0" fillId="0" borderId="0">
      <alignment vertical="center"/>
    </xf>
    <xf numFmtId="1" fontId="1" fillId="0" borderId="0"/>
    <xf numFmtId="0" fontId="10" fillId="0" borderId="0"/>
  </cellStyleXfs>
  <cellXfs count="140">
    <xf numFmtId="0" fontId="0" fillId="0" borderId="0" xfId="0">
      <alignment vertical="center"/>
    </xf>
    <xf numFmtId="1" fontId="1" fillId="0" borderId="0" xfId="1"/>
    <xf numFmtId="1" fontId="8" fillId="0" borderId="0" xfId="1" applyFont="1"/>
    <xf numFmtId="1" fontId="1" fillId="0" borderId="0" xfId="1" applyAlignment="1">
      <alignment vertical="center"/>
    </xf>
    <xf numFmtId="1" fontId="1" fillId="0" borderId="2" xfId="1" applyBorder="1" applyAlignment="1">
      <alignment horizontal="center" vertical="center" shrinkToFit="1"/>
    </xf>
    <xf numFmtId="1" fontId="1" fillId="0" borderId="3" xfId="1" applyBorder="1" applyAlignment="1">
      <alignment horizontal="center" vertical="center" shrinkToFit="1"/>
    </xf>
    <xf numFmtId="1" fontId="1" fillId="0" borderId="4" xfId="1" applyBorder="1" applyAlignment="1">
      <alignment horizontal="center" vertical="center"/>
    </xf>
    <xf numFmtId="1" fontId="10" fillId="0" borderId="3" xfId="1" applyFont="1" applyBorder="1" applyAlignment="1">
      <alignment vertical="center" shrinkToFit="1"/>
    </xf>
    <xf numFmtId="1" fontId="1" fillId="0" borderId="3" xfId="1" applyBorder="1" applyAlignment="1">
      <alignment horizontal="center" vertical="center"/>
    </xf>
    <xf numFmtId="1" fontId="1" fillId="0" borderId="5" xfId="1" applyBorder="1" applyAlignment="1">
      <alignment horizontal="center" vertical="center"/>
    </xf>
    <xf numFmtId="1" fontId="1" fillId="0" borderId="3" xfId="1" applyBorder="1"/>
    <xf numFmtId="1" fontId="1" fillId="0" borderId="6" xfId="1" applyBorder="1" applyAlignment="1">
      <alignment horizontal="center" vertical="center"/>
    </xf>
    <xf numFmtId="1" fontId="1" fillId="0" borderId="0" xfId="1" applyBorder="1" applyAlignment="1">
      <alignment horizontal="center" vertical="center"/>
    </xf>
    <xf numFmtId="1" fontId="1" fillId="0" borderId="0" xfId="1" applyBorder="1"/>
    <xf numFmtId="0" fontId="8" fillId="0" borderId="9" xfId="1" applyNumberFormat="1" applyFont="1" applyBorder="1" applyAlignment="1"/>
    <xf numFmtId="0" fontId="1" fillId="0" borderId="9" xfId="1" applyNumberFormat="1" applyFont="1" applyBorder="1"/>
    <xf numFmtId="0" fontId="1" fillId="0" borderId="0" xfId="1" applyNumberFormat="1" applyFont="1" applyBorder="1"/>
    <xf numFmtId="1" fontId="8" fillId="0" borderId="0" xfId="1" applyFont="1" applyBorder="1"/>
    <xf numFmtId="1" fontId="1" fillId="0" borderId="0" xfId="1" applyFont="1" applyBorder="1" applyAlignment="1">
      <alignment vertical="center"/>
    </xf>
    <xf numFmtId="0" fontId="12" fillId="0" borderId="0" xfId="1" applyNumberFormat="1" applyFont="1" applyBorder="1" applyAlignment="1">
      <alignment horizontal="center" vertical="center"/>
    </xf>
    <xf numFmtId="0" fontId="13" fillId="0" borderId="0" xfId="1" applyNumberFormat="1" applyFont="1" applyBorder="1" applyAlignment="1"/>
    <xf numFmtId="1" fontId="1" fillId="0" borderId="13" xfId="1" applyBorder="1" applyAlignment="1">
      <alignment horizontal="center" vertical="center"/>
    </xf>
    <xf numFmtId="1" fontId="1" fillId="0" borderId="14" xfId="1" applyBorder="1" applyAlignment="1">
      <alignment horizontal="center" vertical="center"/>
    </xf>
    <xf numFmtId="1" fontId="1" fillId="0" borderId="5" xfId="1" applyFill="1" applyBorder="1" applyAlignment="1">
      <alignment horizontal="center" vertical="center" shrinkToFit="1"/>
    </xf>
    <xf numFmtId="1" fontId="1" fillId="0" borderId="15" xfId="1" applyFill="1" applyBorder="1" applyAlignment="1">
      <alignment horizontal="center" vertical="center" shrinkToFit="1"/>
    </xf>
    <xf numFmtId="1" fontId="1" fillId="0" borderId="16" xfId="1" applyFill="1" applyBorder="1" applyAlignment="1">
      <alignment horizontal="center" vertical="center" shrinkToFit="1"/>
    </xf>
    <xf numFmtId="1" fontId="1" fillId="0" borderId="3" xfId="1" applyFont="1" applyBorder="1" applyAlignment="1">
      <alignment vertical="center" shrinkToFit="1"/>
    </xf>
    <xf numFmtId="1" fontId="1" fillId="0" borderId="15" xfId="1" applyBorder="1" applyAlignment="1">
      <alignment horizontal="center" vertical="center"/>
    </xf>
    <xf numFmtId="1" fontId="1" fillId="0" borderId="5" xfId="1" applyFont="1" applyBorder="1" applyAlignment="1">
      <alignment horizontal="center" vertical="center"/>
    </xf>
    <xf numFmtId="1" fontId="1" fillId="0" borderId="3" xfId="1" applyFont="1" applyBorder="1" applyAlignment="1">
      <alignment horizontal="center" vertical="center"/>
    </xf>
    <xf numFmtId="1" fontId="1" fillId="0" borderId="15" xfId="1" applyFont="1" applyBorder="1" applyAlignment="1">
      <alignment horizontal="center" vertical="center"/>
    </xf>
    <xf numFmtId="1" fontId="1" fillId="0" borderId="3" xfId="1" applyFont="1" applyBorder="1"/>
    <xf numFmtId="1" fontId="1" fillId="0" borderId="15" xfId="1" applyFont="1" applyBorder="1"/>
    <xf numFmtId="1" fontId="1" fillId="0" borderId="5" xfId="1" applyBorder="1"/>
    <xf numFmtId="1" fontId="1" fillId="0" borderId="15" xfId="1" applyBorder="1"/>
    <xf numFmtId="1" fontId="1" fillId="0" borderId="17" xfId="1" applyBorder="1" applyAlignment="1">
      <alignment horizontal="center" vertical="center"/>
    </xf>
    <xf numFmtId="1" fontId="13" fillId="0" borderId="0" xfId="1" applyFont="1"/>
    <xf numFmtId="1" fontId="1" fillId="0" borderId="0" xfId="1" applyAlignment="1">
      <alignment horizontal="center"/>
    </xf>
    <xf numFmtId="1" fontId="15" fillId="0" borderId="3" xfId="1" applyFont="1" applyBorder="1" applyAlignment="1">
      <alignment vertical="center" shrinkToFit="1"/>
    </xf>
    <xf numFmtId="1" fontId="16" fillId="0" borderId="3" xfId="1" applyFont="1" applyBorder="1" applyAlignment="1">
      <alignment vertical="center"/>
    </xf>
    <xf numFmtId="1" fontId="15" fillId="0" borderId="15" xfId="1" applyFont="1" applyBorder="1" applyAlignment="1">
      <alignment horizontal="center" vertical="center"/>
    </xf>
    <xf numFmtId="1" fontId="15" fillId="0" borderId="5" xfId="1" applyFont="1" applyBorder="1" applyAlignment="1">
      <alignment horizontal="center" vertical="center"/>
    </xf>
    <xf numFmtId="1" fontId="15" fillId="0" borderId="3" xfId="1" applyFont="1" applyBorder="1" applyAlignment="1">
      <alignment horizontal="center" vertical="center"/>
    </xf>
    <xf numFmtId="1" fontId="16" fillId="0" borderId="3" xfId="1" applyFont="1" applyBorder="1" applyAlignment="1">
      <alignment vertical="center" shrinkToFit="1"/>
    </xf>
    <xf numFmtId="1" fontId="10" fillId="0" borderId="3" xfId="1" applyFont="1" applyBorder="1" applyAlignment="1">
      <alignment vertical="center"/>
    </xf>
    <xf numFmtId="1" fontId="10" fillId="0" borderId="7" xfId="1" applyFont="1" applyBorder="1" applyAlignment="1">
      <alignment vertical="center"/>
    </xf>
    <xf numFmtId="1" fontId="8" fillId="0" borderId="3" xfId="1" applyFont="1" applyBorder="1" applyAlignment="1">
      <alignment horizontal="center" vertical="center"/>
    </xf>
    <xf numFmtId="1" fontId="1" fillId="0" borderId="15" xfId="1" applyFont="1" applyFill="1" applyBorder="1" applyAlignment="1">
      <alignment horizontal="center" vertical="center" shrinkToFit="1"/>
    </xf>
    <xf numFmtId="1" fontId="9" fillId="2" borderId="1" xfId="1" applyFont="1" applyFill="1" applyBorder="1" applyAlignment="1">
      <alignment horizontal="center" vertical="center"/>
    </xf>
    <xf numFmtId="1" fontId="9" fillId="3" borderId="1" xfId="1" applyFont="1" applyFill="1" applyBorder="1" applyAlignment="1">
      <alignment horizontal="center" vertical="center"/>
    </xf>
    <xf numFmtId="1" fontId="6" fillId="0" borderId="0" xfId="1" applyFont="1" applyAlignment="1">
      <alignment vertical="center"/>
    </xf>
    <xf numFmtId="1" fontId="1" fillId="0" borderId="26" xfId="1" applyFill="1" applyBorder="1" applyAlignment="1">
      <alignment horizontal="center" vertical="center" shrinkToFit="1"/>
    </xf>
    <xf numFmtId="1" fontId="1" fillId="0" borderId="2" xfId="1" applyFont="1" applyBorder="1" applyAlignment="1">
      <alignment horizontal="center" vertical="center"/>
    </xf>
    <xf numFmtId="1" fontId="1" fillId="0" borderId="2" xfId="1" applyBorder="1" applyAlignment="1">
      <alignment horizontal="center" vertical="center"/>
    </xf>
    <xf numFmtId="1" fontId="1" fillId="0" borderId="2" xfId="1" applyBorder="1"/>
    <xf numFmtId="1" fontId="1" fillId="0" borderId="25" xfId="1" applyFill="1" applyBorder="1" applyAlignment="1">
      <alignment vertical="center" shrinkToFit="1"/>
    </xf>
    <xf numFmtId="1" fontId="18" fillId="0" borderId="0" xfId="1" applyFont="1" applyAlignment="1">
      <alignment vertical="center" shrinkToFit="1"/>
    </xf>
    <xf numFmtId="1" fontId="1" fillId="0" borderId="0" xfId="1" applyBorder="1" applyAlignment="1">
      <alignment vertical="center" shrinkToFit="1"/>
    </xf>
    <xf numFmtId="1" fontId="1" fillId="0" borderId="0" xfId="1" applyBorder="1" applyAlignment="1">
      <alignment vertical="center"/>
    </xf>
    <xf numFmtId="1" fontId="15" fillId="0" borderId="0" xfId="1" applyFont="1" applyBorder="1" applyAlignment="1">
      <alignment vertical="center"/>
    </xf>
    <xf numFmtId="0" fontId="11" fillId="0" borderId="9" xfId="1" applyNumberFormat="1" applyFont="1" applyFill="1" applyBorder="1" applyAlignment="1">
      <alignment vertical="center"/>
    </xf>
    <xf numFmtId="1" fontId="1" fillId="0" borderId="0" xfId="1" applyFont="1" applyFill="1" applyBorder="1" applyAlignment="1">
      <alignment vertical="center"/>
    </xf>
    <xf numFmtId="1" fontId="1" fillId="0" borderId="8" xfId="1" applyFill="1" applyBorder="1" applyAlignment="1"/>
    <xf numFmtId="1" fontId="1" fillId="0" borderId="9" xfId="1" applyFill="1" applyBorder="1" applyAlignment="1"/>
    <xf numFmtId="0" fontId="1" fillId="0" borderId="9" xfId="1" applyNumberFormat="1" applyFont="1" applyFill="1" applyBorder="1" applyAlignment="1"/>
    <xf numFmtId="1" fontId="8" fillId="0" borderId="10" xfId="1" applyFont="1" applyFill="1" applyBorder="1" applyAlignment="1"/>
    <xf numFmtId="1" fontId="1" fillId="0" borderId="0" xfId="1" applyFill="1" applyBorder="1" applyAlignment="1"/>
    <xf numFmtId="0" fontId="12" fillId="0" borderId="0" xfId="1" applyNumberFormat="1" applyFont="1" applyFill="1" applyBorder="1" applyAlignment="1">
      <alignment vertical="center"/>
    </xf>
    <xf numFmtId="0" fontId="8" fillId="0" borderId="0" xfId="1" applyNumberFormat="1" applyFont="1" applyFill="1" applyBorder="1" applyAlignment="1"/>
    <xf numFmtId="0" fontId="1" fillId="0" borderId="27" xfId="1" applyNumberFormat="1" applyFont="1" applyBorder="1"/>
    <xf numFmtId="0" fontId="1" fillId="0" borderId="28" xfId="1" applyNumberFormat="1" applyFont="1" applyBorder="1"/>
    <xf numFmtId="1" fontId="8" fillId="0" borderId="28" xfId="1" applyFont="1" applyBorder="1" applyAlignment="1">
      <alignment horizontal="center" vertical="center"/>
    </xf>
    <xf numFmtId="1" fontId="8" fillId="0" borderId="29" xfId="1" applyFont="1" applyBorder="1" applyAlignment="1">
      <alignment horizontal="center" vertical="center"/>
    </xf>
    <xf numFmtId="0" fontId="13" fillId="0" borderId="28" xfId="1" applyNumberFormat="1" applyFont="1" applyBorder="1" applyAlignment="1"/>
    <xf numFmtId="0" fontId="1" fillId="0" borderId="30" xfId="1" applyNumberFormat="1" applyFont="1" applyBorder="1"/>
    <xf numFmtId="1" fontId="4" fillId="0" borderId="0" xfId="1" applyFont="1" applyAlignment="1">
      <alignment vertical="center"/>
    </xf>
    <xf numFmtId="1" fontId="21" fillId="0" borderId="0" xfId="1" applyFont="1" applyAlignment="1">
      <alignment horizontal="center" vertical="center"/>
    </xf>
    <xf numFmtId="0" fontId="1" fillId="0" borderId="0" xfId="1" applyNumberFormat="1"/>
    <xf numFmtId="1" fontId="8" fillId="0" borderId="0" xfId="1" applyFont="1" applyFill="1" applyBorder="1" applyAlignment="1">
      <alignment horizontal="center" vertical="center"/>
    </xf>
    <xf numFmtId="0" fontId="14" fillId="0" borderId="0" xfId="1" applyNumberFormat="1" applyFont="1" applyFill="1" applyBorder="1" applyAlignment="1">
      <alignment horizontal="center" vertical="center"/>
    </xf>
    <xf numFmtId="0" fontId="14" fillId="0" borderId="12" xfId="1" applyNumberFormat="1" applyFont="1" applyFill="1" applyBorder="1" applyAlignment="1">
      <alignment horizontal="center" vertical="center"/>
    </xf>
    <xf numFmtId="1" fontId="1" fillId="0" borderId="33" xfId="1" applyBorder="1"/>
    <xf numFmtId="1" fontId="1" fillId="0" borderId="7" xfId="1" applyBorder="1"/>
    <xf numFmtId="1" fontId="1" fillId="0" borderId="17" xfId="1" applyBorder="1"/>
    <xf numFmtId="1" fontId="1" fillId="0" borderId="34" xfId="1" applyBorder="1"/>
    <xf numFmtId="1" fontId="1" fillId="0" borderId="2" xfId="1" applyFont="1" applyFill="1" applyBorder="1" applyAlignment="1">
      <alignment horizontal="center" vertical="center" shrinkToFit="1"/>
    </xf>
    <xf numFmtId="1" fontId="1" fillId="0" borderId="2" xfId="1" applyFont="1" applyBorder="1"/>
    <xf numFmtId="1" fontId="1" fillId="0" borderId="18" xfId="1" applyBorder="1" applyAlignment="1">
      <alignment vertical="center"/>
    </xf>
    <xf numFmtId="1" fontId="1" fillId="0" borderId="2" xfId="1" applyFill="1" applyBorder="1" applyAlignment="1">
      <alignment horizontal="center" vertical="center" shrinkToFit="1"/>
    </xf>
    <xf numFmtId="1" fontId="19" fillId="0" borderId="35" xfId="1" applyFont="1" applyBorder="1" applyAlignment="1">
      <alignment horizontal="center" vertical="center" wrapText="1" shrinkToFit="1"/>
    </xf>
    <xf numFmtId="1" fontId="19" fillId="0" borderId="36" xfId="1" applyFont="1" applyBorder="1" applyAlignment="1">
      <alignment horizontal="center" vertical="center"/>
    </xf>
    <xf numFmtId="1" fontId="15" fillId="0" borderId="2" xfId="1" applyFont="1" applyBorder="1" applyAlignment="1">
      <alignment horizontal="center" vertical="center"/>
    </xf>
    <xf numFmtId="0" fontId="8" fillId="0" borderId="0" xfId="1" applyNumberFormat="1" applyFont="1" applyFill="1" applyBorder="1" applyAlignment="1">
      <alignment horizontal="center"/>
    </xf>
    <xf numFmtId="1" fontId="8" fillId="0" borderId="0" xfId="1" applyFont="1" applyAlignment="1">
      <alignment horizontal="left" vertical="center"/>
    </xf>
    <xf numFmtId="1" fontId="1" fillId="0" borderId="31" xfId="1" applyBorder="1" applyAlignment="1">
      <alignment horizontal="center" vertical="center"/>
    </xf>
    <xf numFmtId="1" fontId="1" fillId="0" borderId="37" xfId="1" applyFill="1" applyBorder="1" applyAlignment="1">
      <alignment horizontal="center" vertical="center" shrinkToFit="1"/>
    </xf>
    <xf numFmtId="1" fontId="1" fillId="0" borderId="31" xfId="1" applyFont="1" applyBorder="1" applyAlignment="1">
      <alignment horizontal="center" vertical="center"/>
    </xf>
    <xf numFmtId="1" fontId="1" fillId="0" borderId="31" xfId="1" applyBorder="1"/>
    <xf numFmtId="1" fontId="1" fillId="0" borderId="32" xfId="1" applyBorder="1"/>
    <xf numFmtId="1" fontId="1" fillId="0" borderId="39" xfId="1" applyFont="1" applyBorder="1" applyAlignment="1">
      <alignment horizontal="center" vertical="center"/>
    </xf>
    <xf numFmtId="1" fontId="1" fillId="0" borderId="39" xfId="1" applyBorder="1" applyAlignment="1">
      <alignment horizontal="center" vertical="center"/>
    </xf>
    <xf numFmtId="1" fontId="1" fillId="0" borderId="39" xfId="1" applyBorder="1"/>
    <xf numFmtId="1" fontId="1" fillId="0" borderId="38" xfId="1" applyBorder="1"/>
    <xf numFmtId="1" fontId="17" fillId="0" borderId="0" xfId="1" applyFont="1" applyAlignment="1">
      <alignment horizontal="center"/>
    </xf>
    <xf numFmtId="1" fontId="18" fillId="0" borderId="10" xfId="1" applyFont="1" applyBorder="1" applyAlignment="1">
      <alignment horizontal="center" vertical="center" shrinkToFit="1"/>
    </xf>
    <xf numFmtId="1" fontId="18" fillId="0" borderId="0" xfId="1" applyFont="1" applyBorder="1" applyAlignment="1">
      <alignment horizontal="center" vertical="center" shrinkToFit="1"/>
    </xf>
    <xf numFmtId="1" fontId="8" fillId="0" borderId="0" xfId="1" applyFont="1" applyAlignment="1">
      <alignment horizontal="center"/>
    </xf>
    <xf numFmtId="1" fontId="8" fillId="0" borderId="0" xfId="1" applyFont="1" applyAlignment="1">
      <alignment horizontal="right" vertical="center"/>
    </xf>
    <xf numFmtId="1" fontId="8" fillId="0" borderId="0" xfId="1" applyFont="1" applyAlignment="1">
      <alignment horizontal="left" vertical="center"/>
    </xf>
    <xf numFmtId="1" fontId="20" fillId="0" borderId="0" xfId="1" applyFont="1" applyAlignment="1">
      <alignment horizontal="center" vertical="center"/>
    </xf>
    <xf numFmtId="1" fontId="6" fillId="0" borderId="0" xfId="1" applyFont="1" applyAlignment="1">
      <alignment horizontal="center" vertical="center"/>
    </xf>
    <xf numFmtId="1" fontId="4" fillId="0" borderId="0" xfId="1" applyFont="1" applyAlignment="1">
      <alignment horizontal="center" vertical="center"/>
    </xf>
    <xf numFmtId="1" fontId="1" fillId="0" borderId="18" xfId="1" applyBorder="1" applyAlignment="1">
      <alignment vertical="center"/>
    </xf>
    <xf numFmtId="1" fontId="1" fillId="0" borderId="19" xfId="1" applyBorder="1" applyAlignment="1">
      <alignment vertical="center"/>
    </xf>
    <xf numFmtId="1" fontId="1" fillId="0" borderId="20" xfId="1" applyBorder="1" applyAlignment="1">
      <alignment horizontal="center" vertical="center"/>
    </xf>
    <xf numFmtId="1" fontId="1" fillId="0" borderId="21" xfId="1" applyBorder="1" applyAlignment="1">
      <alignment horizontal="center" vertical="center"/>
    </xf>
    <xf numFmtId="1" fontId="1" fillId="0" borderId="24" xfId="1" applyBorder="1" applyAlignment="1">
      <alignment horizontal="center" vertical="center"/>
    </xf>
    <xf numFmtId="1" fontId="1" fillId="0" borderId="18" xfId="1" applyBorder="1" applyAlignment="1">
      <alignment horizontal="center" vertical="center"/>
    </xf>
    <xf numFmtId="1" fontId="1" fillId="0" borderId="19" xfId="1" applyBorder="1" applyAlignment="1">
      <alignment horizontal="center" vertical="center"/>
    </xf>
    <xf numFmtId="0" fontId="8" fillId="0" borderId="0" xfId="1" applyNumberFormat="1" applyFont="1" applyFill="1" applyBorder="1" applyAlignment="1">
      <alignment horizontal="center"/>
    </xf>
    <xf numFmtId="1" fontId="20" fillId="0" borderId="10" xfId="1" applyFont="1" applyFill="1" applyBorder="1" applyAlignment="1">
      <alignment horizontal="center" vertical="center"/>
    </xf>
    <xf numFmtId="1" fontId="20" fillId="0" borderId="0" xfId="1" applyFont="1" applyFill="1" applyBorder="1" applyAlignment="1">
      <alignment horizontal="center" vertical="center"/>
    </xf>
    <xf numFmtId="1" fontId="20" fillId="0" borderId="28" xfId="1" applyFont="1" applyFill="1" applyBorder="1" applyAlignment="1">
      <alignment horizontal="center" vertical="center"/>
    </xf>
    <xf numFmtId="0" fontId="0" fillId="0" borderId="18" xfId="0" applyBorder="1" applyAlignment="1">
      <alignment horizontal="center" vertical="center"/>
    </xf>
    <xf numFmtId="0" fontId="0" fillId="0" borderId="19" xfId="0" applyBorder="1" applyAlignment="1">
      <alignment horizontal="center" vertical="center"/>
    </xf>
    <xf numFmtId="1" fontId="1" fillId="0" borderId="22" xfId="1" applyBorder="1" applyAlignment="1">
      <alignment horizontal="center" vertical="center"/>
    </xf>
    <xf numFmtId="1" fontId="1" fillId="0" borderId="23" xfId="1" applyBorder="1" applyAlignment="1">
      <alignment horizontal="center" vertical="center"/>
    </xf>
    <xf numFmtId="1" fontId="8" fillId="0" borderId="10" xfId="1" applyFont="1" applyFill="1" applyBorder="1" applyAlignment="1">
      <alignment horizontal="center" vertical="center"/>
    </xf>
    <xf numFmtId="1" fontId="8" fillId="0" borderId="0" xfId="1" applyFont="1" applyFill="1" applyBorder="1" applyAlignment="1">
      <alignment horizontal="center" vertical="center"/>
    </xf>
    <xf numFmtId="0" fontId="22" fillId="0" borderId="0" xfId="1" applyNumberFormat="1" applyFont="1" applyFill="1" applyBorder="1" applyAlignment="1">
      <alignment horizontal="center" vertical="center"/>
    </xf>
    <xf numFmtId="1" fontId="1" fillId="0" borderId="18" xfId="1" applyBorder="1" applyAlignment="1">
      <alignment horizontal="center" vertical="center" shrinkToFit="1"/>
    </xf>
    <xf numFmtId="1" fontId="1" fillId="0" borderId="19" xfId="1" applyBorder="1" applyAlignment="1">
      <alignment horizontal="center" vertical="center" shrinkToFit="1"/>
    </xf>
    <xf numFmtId="1" fontId="1" fillId="0" borderId="24" xfId="1" applyBorder="1" applyAlignment="1">
      <alignment horizontal="center" vertical="center" shrinkToFit="1"/>
    </xf>
    <xf numFmtId="1" fontId="1" fillId="0" borderId="12" xfId="1" applyBorder="1" applyAlignment="1">
      <alignment horizontal="left" vertical="center" shrinkToFit="1"/>
    </xf>
    <xf numFmtId="49" fontId="8" fillId="0" borderId="0" xfId="1" applyNumberFormat="1" applyFont="1" applyBorder="1" applyAlignment="1">
      <alignment horizontal="center" vertical="center"/>
    </xf>
    <xf numFmtId="49" fontId="8" fillId="0" borderId="12" xfId="1" applyNumberFormat="1" applyFont="1" applyBorder="1" applyAlignment="1">
      <alignment horizontal="center" vertical="center"/>
    </xf>
    <xf numFmtId="0" fontId="14" fillId="0" borderId="10" xfId="1" applyNumberFormat="1" applyFont="1" applyFill="1" applyBorder="1" applyAlignment="1">
      <alignment horizontal="center" vertical="center"/>
    </xf>
    <xf numFmtId="0" fontId="14" fillId="0" borderId="0" xfId="1" applyNumberFormat="1" applyFont="1" applyFill="1" applyBorder="1" applyAlignment="1">
      <alignment horizontal="center" vertical="center"/>
    </xf>
    <xf numFmtId="0" fontId="14" fillId="0" borderId="11" xfId="1" applyNumberFormat="1" applyFont="1" applyFill="1" applyBorder="1" applyAlignment="1">
      <alignment horizontal="center" vertical="center"/>
    </xf>
    <xf numFmtId="0" fontId="14" fillId="0" borderId="12" xfId="1" applyNumberFormat="1" applyFont="1" applyFill="1" applyBorder="1" applyAlignment="1">
      <alignment horizontal="center" vertical="center"/>
    </xf>
  </cellXfs>
  <cellStyles count="3">
    <cellStyle name="標準" xfId="0" builtinId="0"/>
    <cellStyle name="標準 2" xfId="1" xr:uid="{00000000-0005-0000-0000-000001000000}"/>
    <cellStyle name="未定義" xfId="2" xr:uid="{00000000-0005-0000-0000-000002000000}"/>
  </cellStyles>
  <dxfs count="0"/>
  <tableStyles count="0" defaultTableStyle="TableStyleMedium2" defaultPivotStyle="PivotStyleLight16"/>
  <colors>
    <mruColors>
      <color rgb="FFFF99CC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>
    <pageSetUpPr fitToPage="1"/>
  </sheetPr>
  <dimension ref="A1:X97"/>
  <sheetViews>
    <sheetView tabSelected="1" view="pageBreakPreview" zoomScale="85" zoomScaleNormal="85" zoomScaleSheetLayoutView="85" workbookViewId="0">
      <selection sqref="A1:W1"/>
    </sheetView>
  </sheetViews>
  <sheetFormatPr defaultColWidth="9" defaultRowHeight="14.25" x14ac:dyDescent="0.15"/>
  <cols>
    <col min="1" max="1" width="3.375" style="1" customWidth="1"/>
    <col min="2" max="2" width="22.25" style="1" customWidth="1"/>
    <col min="3" max="3" width="18.75" style="1" customWidth="1"/>
    <col min="4" max="23" width="5.625" style="1" customWidth="1"/>
    <col min="24" max="25" width="9" style="1"/>
    <col min="26" max="26" width="16.875" style="1" bestFit="1" customWidth="1"/>
    <col min="27" max="16384" width="9" style="1"/>
  </cols>
  <sheetData>
    <row r="1" spans="1:23" ht="30" customHeight="1" x14ac:dyDescent="0.25">
      <c r="A1" s="103" t="s">
        <v>30</v>
      </c>
      <c r="B1" s="103"/>
      <c r="C1" s="103"/>
      <c r="D1" s="103"/>
      <c r="E1" s="103"/>
      <c r="F1" s="103"/>
      <c r="G1" s="103"/>
      <c r="H1" s="103"/>
      <c r="I1" s="103"/>
      <c r="J1" s="103"/>
      <c r="K1" s="103"/>
      <c r="L1" s="103"/>
      <c r="M1" s="103"/>
      <c r="N1" s="103"/>
      <c r="O1" s="103"/>
      <c r="P1" s="103"/>
      <c r="Q1" s="103"/>
      <c r="R1" s="103"/>
      <c r="S1" s="103"/>
      <c r="T1" s="103"/>
      <c r="U1" s="103"/>
      <c r="V1" s="103"/>
      <c r="W1" s="103"/>
    </row>
    <row r="2" spans="1:23" ht="28.15" customHeight="1" x14ac:dyDescent="0.15">
      <c r="A2" s="111" t="s">
        <v>0</v>
      </c>
      <c r="B2" s="111"/>
      <c r="C2" s="111"/>
      <c r="D2" s="111"/>
      <c r="E2" s="111"/>
      <c r="F2" s="111"/>
      <c r="G2" s="111"/>
      <c r="H2" s="111"/>
      <c r="I2" s="111"/>
      <c r="J2" s="111"/>
      <c r="K2" s="111"/>
      <c r="L2" s="111"/>
      <c r="M2" s="111"/>
      <c r="N2" s="111"/>
      <c r="O2" s="111"/>
      <c r="P2" s="111"/>
      <c r="Q2" s="111"/>
      <c r="R2" s="111"/>
      <c r="S2" s="111"/>
      <c r="T2" s="111"/>
      <c r="U2" s="111"/>
      <c r="V2" s="111"/>
      <c r="W2" s="75"/>
    </row>
    <row r="3" spans="1:23" ht="28.15" customHeight="1" thickBot="1" x14ac:dyDescent="0.2">
      <c r="A3" s="2"/>
      <c r="M3" s="2"/>
      <c r="T3" s="110" t="s">
        <v>20</v>
      </c>
      <c r="U3" s="110"/>
      <c r="V3" s="50"/>
    </row>
    <row r="4" spans="1:23" ht="28.15" customHeight="1" thickBot="1" x14ac:dyDescent="0.2">
      <c r="B4" s="49" t="s">
        <v>1</v>
      </c>
      <c r="C4" s="104" t="s">
        <v>23</v>
      </c>
      <c r="D4" s="105"/>
      <c r="E4" s="105"/>
      <c r="F4" s="105"/>
      <c r="G4" s="105"/>
      <c r="H4" s="105"/>
      <c r="I4" s="105"/>
      <c r="J4" s="105"/>
      <c r="K4" s="105"/>
      <c r="L4" s="105"/>
      <c r="M4" s="105"/>
      <c r="N4" s="105"/>
      <c r="O4" s="105"/>
      <c r="P4" s="105"/>
      <c r="Q4" s="105"/>
      <c r="R4" s="105"/>
      <c r="S4" s="105"/>
      <c r="T4" s="105"/>
      <c r="U4" s="105"/>
      <c r="V4" s="105"/>
      <c r="W4" s="56"/>
    </row>
    <row r="5" spans="1:23" ht="28.15" customHeight="1" thickBot="1" x14ac:dyDescent="0.2">
      <c r="A5" s="3"/>
      <c r="C5" s="133" t="s">
        <v>28</v>
      </c>
      <c r="D5" s="133"/>
      <c r="E5" s="133"/>
      <c r="F5" s="133"/>
      <c r="G5" s="133"/>
      <c r="H5" s="133"/>
      <c r="I5" s="133"/>
      <c r="J5" s="133"/>
      <c r="K5" s="133"/>
      <c r="L5" s="133"/>
      <c r="M5" s="133"/>
      <c r="N5" s="133"/>
      <c r="O5" s="133"/>
      <c r="P5" s="133"/>
      <c r="Q5" s="133"/>
      <c r="R5" s="133"/>
      <c r="S5" s="133"/>
      <c r="T5" s="133"/>
      <c r="U5" s="133"/>
      <c r="V5" s="133"/>
      <c r="W5" s="57"/>
    </row>
    <row r="6" spans="1:23" ht="28.15" customHeight="1" x14ac:dyDescent="0.15">
      <c r="A6" s="114" t="s">
        <v>15</v>
      </c>
      <c r="B6" s="125" t="s">
        <v>26</v>
      </c>
      <c r="C6" s="125" t="s">
        <v>16</v>
      </c>
      <c r="D6" s="21" t="s">
        <v>18</v>
      </c>
      <c r="E6" s="116" t="s">
        <v>3</v>
      </c>
      <c r="F6" s="117"/>
      <c r="G6" s="117"/>
      <c r="H6" s="118"/>
      <c r="I6" s="87"/>
      <c r="J6" s="112" t="s">
        <v>4</v>
      </c>
      <c r="K6" s="113"/>
      <c r="L6" s="87"/>
      <c r="M6" s="112" t="s">
        <v>5</v>
      </c>
      <c r="N6" s="113"/>
      <c r="O6" s="116" t="s">
        <v>17</v>
      </c>
      <c r="P6" s="123"/>
      <c r="Q6" s="124"/>
      <c r="R6" s="130" t="s">
        <v>6</v>
      </c>
      <c r="S6" s="130"/>
      <c r="T6" s="131"/>
      <c r="U6" s="90" t="s">
        <v>24</v>
      </c>
      <c r="V6" s="89" t="s">
        <v>25</v>
      </c>
      <c r="W6" s="57"/>
    </row>
    <row r="7" spans="1:23" ht="28.15" customHeight="1" x14ac:dyDescent="0.15">
      <c r="A7" s="115"/>
      <c r="B7" s="126"/>
      <c r="C7" s="126"/>
      <c r="D7" s="22" t="s">
        <v>19</v>
      </c>
      <c r="E7" s="4">
        <v>50</v>
      </c>
      <c r="F7" s="5">
        <v>100</v>
      </c>
      <c r="G7" s="5">
        <v>200</v>
      </c>
      <c r="H7" s="47">
        <v>400</v>
      </c>
      <c r="I7" s="85">
        <v>50</v>
      </c>
      <c r="J7" s="23">
        <v>100</v>
      </c>
      <c r="K7" s="24">
        <v>200</v>
      </c>
      <c r="L7" s="88">
        <v>50</v>
      </c>
      <c r="M7" s="25">
        <v>100</v>
      </c>
      <c r="N7" s="24">
        <v>200</v>
      </c>
      <c r="O7" s="88">
        <v>50</v>
      </c>
      <c r="P7" s="23">
        <v>100</v>
      </c>
      <c r="Q7" s="24">
        <v>200</v>
      </c>
      <c r="R7" s="25">
        <v>100</v>
      </c>
      <c r="S7" s="95">
        <v>200</v>
      </c>
      <c r="T7" s="24">
        <v>400</v>
      </c>
      <c r="U7" s="51" t="s">
        <v>27</v>
      </c>
      <c r="V7" s="55" t="s">
        <v>27</v>
      </c>
      <c r="W7" s="58"/>
    </row>
    <row r="8" spans="1:23" ht="28.15" customHeight="1" x14ac:dyDescent="0.15">
      <c r="A8" s="6">
        <v>1</v>
      </c>
      <c r="B8" s="26"/>
      <c r="C8" s="7"/>
      <c r="D8" s="27"/>
      <c r="E8" s="28"/>
      <c r="F8" s="29"/>
      <c r="G8" s="29"/>
      <c r="H8" s="30"/>
      <c r="I8" s="52"/>
      <c r="J8" s="28"/>
      <c r="K8" s="99"/>
      <c r="L8" s="52"/>
      <c r="M8" s="28"/>
      <c r="N8" s="99"/>
      <c r="O8" s="52"/>
      <c r="P8" s="9"/>
      <c r="Q8" s="99"/>
      <c r="R8" s="28"/>
      <c r="S8" s="96"/>
      <c r="T8" s="99"/>
      <c r="U8" s="99"/>
      <c r="V8" s="99"/>
      <c r="W8" s="18"/>
    </row>
    <row r="9" spans="1:23" ht="28.15" customHeight="1" x14ac:dyDescent="0.15">
      <c r="A9" s="6">
        <v>2</v>
      </c>
      <c r="B9" s="26"/>
      <c r="C9" s="7"/>
      <c r="D9" s="27"/>
      <c r="E9" s="28"/>
      <c r="F9" s="28"/>
      <c r="G9" s="29"/>
      <c r="H9" s="30"/>
      <c r="I9" s="52"/>
      <c r="J9" s="28"/>
      <c r="K9" s="99"/>
      <c r="L9" s="52"/>
      <c r="M9" s="28"/>
      <c r="N9" s="99"/>
      <c r="O9" s="52"/>
      <c r="P9" s="28"/>
      <c r="Q9" s="99"/>
      <c r="R9" s="28"/>
      <c r="S9" s="96"/>
      <c r="T9" s="99"/>
      <c r="U9" s="99"/>
      <c r="V9" s="99"/>
      <c r="W9" s="18"/>
    </row>
    <row r="10" spans="1:23" ht="28.15" customHeight="1" x14ac:dyDescent="0.15">
      <c r="A10" s="6">
        <v>3</v>
      </c>
      <c r="B10" s="26"/>
      <c r="C10" s="7"/>
      <c r="D10" s="27"/>
      <c r="E10" s="28"/>
      <c r="F10" s="29"/>
      <c r="G10" s="29"/>
      <c r="H10" s="30"/>
      <c r="I10" s="52"/>
      <c r="J10" s="28"/>
      <c r="K10" s="99"/>
      <c r="L10" s="52"/>
      <c r="M10" s="28"/>
      <c r="N10" s="99"/>
      <c r="O10" s="52"/>
      <c r="P10" s="28"/>
      <c r="Q10" s="99"/>
      <c r="R10" s="28"/>
      <c r="S10" s="96"/>
      <c r="T10" s="99"/>
      <c r="U10" s="99"/>
      <c r="V10" s="99"/>
      <c r="W10" s="18"/>
    </row>
    <row r="11" spans="1:23" ht="28.15" customHeight="1" x14ac:dyDescent="0.15">
      <c r="A11" s="6">
        <v>4</v>
      </c>
      <c r="B11" s="26"/>
      <c r="C11" s="7"/>
      <c r="D11" s="27"/>
      <c r="E11" s="9"/>
      <c r="F11" s="29"/>
      <c r="G11" s="29"/>
      <c r="H11" s="30"/>
      <c r="I11" s="52"/>
      <c r="J11" s="28"/>
      <c r="K11" s="99"/>
      <c r="L11" s="52"/>
      <c r="M11" s="28"/>
      <c r="N11" s="99"/>
      <c r="O11" s="52"/>
      <c r="P11" s="28"/>
      <c r="Q11" s="99"/>
      <c r="R11" s="28"/>
      <c r="S11" s="96"/>
      <c r="T11" s="99"/>
      <c r="U11" s="99"/>
      <c r="V11" s="99"/>
      <c r="W11" s="18"/>
    </row>
    <row r="12" spans="1:23" ht="28.15" customHeight="1" x14ac:dyDescent="0.15">
      <c r="A12" s="6">
        <v>5</v>
      </c>
      <c r="B12" s="7"/>
      <c r="C12" s="7"/>
      <c r="D12" s="27"/>
      <c r="E12" s="9"/>
      <c r="F12" s="29"/>
      <c r="G12" s="29"/>
      <c r="H12" s="30"/>
      <c r="I12" s="52"/>
      <c r="J12" s="28"/>
      <c r="K12" s="99"/>
      <c r="L12" s="52"/>
      <c r="M12" s="9"/>
      <c r="N12" s="99"/>
      <c r="O12" s="52"/>
      <c r="P12" s="28"/>
      <c r="Q12" s="99"/>
      <c r="R12" s="28"/>
      <c r="S12" s="96"/>
      <c r="T12" s="99"/>
      <c r="U12" s="99"/>
      <c r="V12" s="99"/>
      <c r="W12" s="18"/>
    </row>
    <row r="13" spans="1:23" ht="28.15" customHeight="1" x14ac:dyDescent="0.15">
      <c r="A13" s="6">
        <v>6</v>
      </c>
      <c r="B13" s="26"/>
      <c r="C13" s="7"/>
      <c r="D13" s="27"/>
      <c r="E13" s="28"/>
      <c r="F13" s="29"/>
      <c r="G13" s="29"/>
      <c r="H13" s="30"/>
      <c r="I13" s="52"/>
      <c r="J13" s="28"/>
      <c r="K13" s="99"/>
      <c r="L13" s="52"/>
      <c r="M13" s="28"/>
      <c r="N13" s="99"/>
      <c r="O13" s="52"/>
      <c r="P13" s="28"/>
      <c r="Q13" s="99"/>
      <c r="R13" s="28"/>
      <c r="S13" s="96"/>
      <c r="T13" s="99"/>
      <c r="U13" s="99"/>
      <c r="V13" s="99"/>
      <c r="W13" s="18"/>
    </row>
    <row r="14" spans="1:23" ht="28.15" customHeight="1" x14ac:dyDescent="0.15">
      <c r="A14" s="6">
        <v>7</v>
      </c>
      <c r="B14" s="26"/>
      <c r="C14" s="7"/>
      <c r="D14" s="27"/>
      <c r="E14" s="28"/>
      <c r="F14" s="29"/>
      <c r="G14" s="29"/>
      <c r="H14" s="30"/>
      <c r="I14" s="52"/>
      <c r="J14" s="28"/>
      <c r="K14" s="99"/>
      <c r="L14" s="52"/>
      <c r="M14" s="28"/>
      <c r="N14" s="99"/>
      <c r="O14" s="52"/>
      <c r="P14" s="28"/>
      <c r="Q14" s="99"/>
      <c r="R14" s="28"/>
      <c r="S14" s="96"/>
      <c r="T14" s="99"/>
      <c r="U14" s="99"/>
      <c r="V14" s="99"/>
      <c r="W14" s="18"/>
    </row>
    <row r="15" spans="1:23" ht="28.15" customHeight="1" x14ac:dyDescent="0.15">
      <c r="A15" s="6">
        <v>8</v>
      </c>
      <c r="B15" s="26"/>
      <c r="C15" s="7"/>
      <c r="D15" s="27"/>
      <c r="E15" s="28"/>
      <c r="F15" s="29"/>
      <c r="G15" s="29"/>
      <c r="H15" s="30"/>
      <c r="I15" s="52"/>
      <c r="J15" s="28"/>
      <c r="K15" s="99"/>
      <c r="L15" s="52"/>
      <c r="M15" s="28"/>
      <c r="N15" s="99"/>
      <c r="O15" s="52"/>
      <c r="P15" s="28"/>
      <c r="Q15" s="99"/>
      <c r="R15" s="28"/>
      <c r="S15" s="96"/>
      <c r="T15" s="99"/>
      <c r="U15" s="99"/>
      <c r="V15" s="99"/>
      <c r="W15" s="18"/>
    </row>
    <row r="16" spans="1:23" ht="28.15" customHeight="1" x14ac:dyDescent="0.15">
      <c r="A16" s="6">
        <v>9</v>
      </c>
      <c r="B16" s="7"/>
      <c r="C16" s="7"/>
      <c r="D16" s="27"/>
      <c r="E16" s="28"/>
      <c r="F16" s="29"/>
      <c r="G16" s="29"/>
      <c r="H16" s="30"/>
      <c r="I16" s="52"/>
      <c r="J16" s="28"/>
      <c r="K16" s="99"/>
      <c r="L16" s="52"/>
      <c r="M16" s="28"/>
      <c r="N16" s="99"/>
      <c r="O16" s="52"/>
      <c r="P16" s="28"/>
      <c r="Q16" s="99"/>
      <c r="R16" s="28"/>
      <c r="S16" s="96"/>
      <c r="T16" s="99"/>
      <c r="U16" s="99"/>
      <c r="V16" s="99"/>
      <c r="W16" s="18"/>
    </row>
    <row r="17" spans="1:23" ht="28.15" customHeight="1" x14ac:dyDescent="0.15">
      <c r="A17" s="6">
        <v>10</v>
      </c>
      <c r="B17" s="7"/>
      <c r="C17" s="7"/>
      <c r="D17" s="27"/>
      <c r="E17" s="28"/>
      <c r="F17" s="31"/>
      <c r="G17" s="31"/>
      <c r="H17" s="32"/>
      <c r="I17" s="86"/>
      <c r="J17" s="28"/>
      <c r="K17" s="99"/>
      <c r="L17" s="52"/>
      <c r="M17" s="28"/>
      <c r="N17" s="99"/>
      <c r="O17" s="52"/>
      <c r="P17" s="28"/>
      <c r="Q17" s="99"/>
      <c r="R17" s="28"/>
      <c r="S17" s="96"/>
      <c r="T17" s="99"/>
      <c r="U17" s="99"/>
      <c r="V17" s="99"/>
      <c r="W17" s="18"/>
    </row>
    <row r="18" spans="1:23" ht="28.15" customHeight="1" x14ac:dyDescent="0.15">
      <c r="A18" s="6">
        <v>11</v>
      </c>
      <c r="B18" s="7"/>
      <c r="C18" s="7"/>
      <c r="D18" s="27"/>
      <c r="E18" s="33"/>
      <c r="F18" s="10"/>
      <c r="G18" s="10"/>
      <c r="H18" s="34"/>
      <c r="I18" s="54"/>
      <c r="J18" s="9"/>
      <c r="K18" s="100"/>
      <c r="L18" s="53"/>
      <c r="M18" s="9"/>
      <c r="N18" s="100"/>
      <c r="O18" s="53"/>
      <c r="P18" s="9"/>
      <c r="Q18" s="100"/>
      <c r="R18" s="9"/>
      <c r="S18" s="94"/>
      <c r="T18" s="100"/>
      <c r="U18" s="100"/>
      <c r="V18" s="100"/>
      <c r="W18" s="58"/>
    </row>
    <row r="19" spans="1:23" ht="28.15" customHeight="1" x14ac:dyDescent="0.15">
      <c r="A19" s="6">
        <v>12</v>
      </c>
      <c r="B19" s="7"/>
      <c r="C19" s="7"/>
      <c r="D19" s="27"/>
      <c r="E19" s="33"/>
      <c r="F19" s="10"/>
      <c r="G19" s="10"/>
      <c r="H19" s="34"/>
      <c r="I19" s="54"/>
      <c r="J19" s="33"/>
      <c r="K19" s="101"/>
      <c r="L19" s="54"/>
      <c r="M19" s="33"/>
      <c r="N19" s="101"/>
      <c r="O19" s="54"/>
      <c r="P19" s="33"/>
      <c r="Q19" s="101"/>
      <c r="R19" s="33"/>
      <c r="S19" s="97"/>
      <c r="T19" s="101"/>
      <c r="U19" s="101"/>
      <c r="V19" s="101"/>
      <c r="W19" s="58"/>
    </row>
    <row r="20" spans="1:23" ht="28.15" customHeight="1" x14ac:dyDescent="0.15">
      <c r="A20" s="6">
        <v>13</v>
      </c>
      <c r="B20" s="7"/>
      <c r="C20" s="7"/>
      <c r="D20" s="27"/>
      <c r="E20" s="33"/>
      <c r="F20" s="10"/>
      <c r="G20" s="10"/>
      <c r="H20" s="34"/>
      <c r="I20" s="54"/>
      <c r="J20" s="33"/>
      <c r="K20" s="101"/>
      <c r="L20" s="54"/>
      <c r="M20" s="33"/>
      <c r="N20" s="101"/>
      <c r="O20" s="54"/>
      <c r="P20" s="33"/>
      <c r="Q20" s="101"/>
      <c r="R20" s="33"/>
      <c r="S20" s="97"/>
      <c r="T20" s="101"/>
      <c r="U20" s="101"/>
      <c r="V20" s="101"/>
      <c r="W20" s="58"/>
    </row>
    <row r="21" spans="1:23" ht="28.15" customHeight="1" x14ac:dyDescent="0.15">
      <c r="A21" s="6">
        <v>14</v>
      </c>
      <c r="B21" s="7"/>
      <c r="C21" s="7"/>
      <c r="D21" s="27"/>
      <c r="E21" s="33"/>
      <c r="F21" s="10"/>
      <c r="G21" s="10"/>
      <c r="H21" s="34"/>
      <c r="I21" s="54"/>
      <c r="J21" s="33"/>
      <c r="K21" s="101"/>
      <c r="L21" s="54"/>
      <c r="M21" s="33"/>
      <c r="N21" s="101"/>
      <c r="O21" s="54"/>
      <c r="P21" s="33"/>
      <c r="Q21" s="101"/>
      <c r="R21" s="33"/>
      <c r="S21" s="97"/>
      <c r="T21" s="101"/>
      <c r="U21" s="101"/>
      <c r="V21" s="101"/>
      <c r="W21" s="58"/>
    </row>
    <row r="22" spans="1:23" ht="28.15" customHeight="1" x14ac:dyDescent="0.15">
      <c r="A22" s="6">
        <v>15</v>
      </c>
      <c r="B22" s="7"/>
      <c r="C22" s="7"/>
      <c r="D22" s="27"/>
      <c r="E22" s="33"/>
      <c r="F22" s="10"/>
      <c r="G22" s="10"/>
      <c r="H22" s="34"/>
      <c r="I22" s="54"/>
      <c r="J22" s="33"/>
      <c r="K22" s="101"/>
      <c r="L22" s="54"/>
      <c r="M22" s="33"/>
      <c r="N22" s="101"/>
      <c r="O22" s="54"/>
      <c r="P22" s="33"/>
      <c r="Q22" s="101"/>
      <c r="R22" s="33"/>
      <c r="S22" s="97"/>
      <c r="T22" s="101"/>
      <c r="U22" s="101"/>
      <c r="V22" s="101"/>
      <c r="W22" s="58"/>
    </row>
    <row r="23" spans="1:23" ht="28.15" customHeight="1" x14ac:dyDescent="0.15">
      <c r="A23" s="6">
        <v>16</v>
      </c>
      <c r="B23" s="7"/>
      <c r="C23" s="7"/>
      <c r="D23" s="27"/>
      <c r="E23" s="33"/>
      <c r="F23" s="10"/>
      <c r="G23" s="10"/>
      <c r="H23" s="34"/>
      <c r="I23" s="54"/>
      <c r="J23" s="33"/>
      <c r="K23" s="101"/>
      <c r="L23" s="54"/>
      <c r="M23" s="33"/>
      <c r="N23" s="101"/>
      <c r="O23" s="54"/>
      <c r="P23" s="33"/>
      <c r="Q23" s="101"/>
      <c r="R23" s="33"/>
      <c r="S23" s="97"/>
      <c r="T23" s="101"/>
      <c r="U23" s="101"/>
      <c r="V23" s="101"/>
      <c r="W23" s="58"/>
    </row>
    <row r="24" spans="1:23" ht="28.15" customHeight="1" x14ac:dyDescent="0.15">
      <c r="A24" s="6">
        <v>17</v>
      </c>
      <c r="B24" s="7"/>
      <c r="C24" s="7"/>
      <c r="D24" s="27"/>
      <c r="E24" s="33"/>
      <c r="F24" s="10"/>
      <c r="G24" s="10"/>
      <c r="H24" s="34"/>
      <c r="I24" s="54"/>
      <c r="J24" s="33"/>
      <c r="K24" s="101"/>
      <c r="L24" s="54"/>
      <c r="M24" s="33"/>
      <c r="N24" s="101"/>
      <c r="O24" s="54"/>
      <c r="P24" s="33"/>
      <c r="Q24" s="101"/>
      <c r="R24" s="33"/>
      <c r="S24" s="97"/>
      <c r="T24" s="101"/>
      <c r="U24" s="101"/>
      <c r="V24" s="101"/>
      <c r="W24" s="58"/>
    </row>
    <row r="25" spans="1:23" ht="28.15" customHeight="1" x14ac:dyDescent="0.15">
      <c r="A25" s="6">
        <v>18</v>
      </c>
      <c r="B25" s="7"/>
      <c r="C25" s="7"/>
      <c r="D25" s="27"/>
      <c r="E25" s="33"/>
      <c r="F25" s="10"/>
      <c r="G25" s="10"/>
      <c r="H25" s="34"/>
      <c r="I25" s="54"/>
      <c r="J25" s="33"/>
      <c r="K25" s="101"/>
      <c r="L25" s="54"/>
      <c r="M25" s="33"/>
      <c r="N25" s="101"/>
      <c r="O25" s="54"/>
      <c r="P25" s="33"/>
      <c r="Q25" s="101"/>
      <c r="R25" s="33"/>
      <c r="S25" s="97"/>
      <c r="T25" s="101"/>
      <c r="U25" s="101"/>
      <c r="V25" s="101"/>
      <c r="W25" s="58"/>
    </row>
    <row r="26" spans="1:23" ht="28.15" customHeight="1" x14ac:dyDescent="0.15">
      <c r="A26" s="6">
        <v>19</v>
      </c>
      <c r="B26" s="7"/>
      <c r="C26" s="7"/>
      <c r="D26" s="27"/>
      <c r="E26" s="33"/>
      <c r="F26" s="10"/>
      <c r="G26" s="10"/>
      <c r="H26" s="34"/>
      <c r="I26" s="54"/>
      <c r="J26" s="33"/>
      <c r="K26" s="101"/>
      <c r="L26" s="54"/>
      <c r="M26" s="33"/>
      <c r="N26" s="101"/>
      <c r="O26" s="54"/>
      <c r="P26" s="33"/>
      <c r="Q26" s="101"/>
      <c r="R26" s="33"/>
      <c r="S26" s="97"/>
      <c r="T26" s="101"/>
      <c r="U26" s="101"/>
      <c r="V26" s="101"/>
      <c r="W26" s="58"/>
    </row>
    <row r="27" spans="1:23" ht="28.15" customHeight="1" x14ac:dyDescent="0.15">
      <c r="A27" s="6">
        <v>20</v>
      </c>
      <c r="B27" s="7"/>
      <c r="C27" s="7"/>
      <c r="D27" s="27"/>
      <c r="E27" s="33"/>
      <c r="F27" s="10"/>
      <c r="G27" s="10"/>
      <c r="H27" s="34"/>
      <c r="I27" s="54"/>
      <c r="J27" s="33"/>
      <c r="K27" s="101"/>
      <c r="L27" s="54"/>
      <c r="M27" s="33"/>
      <c r="N27" s="101"/>
      <c r="O27" s="54"/>
      <c r="P27" s="33"/>
      <c r="Q27" s="101"/>
      <c r="R27" s="33"/>
      <c r="S27" s="97"/>
      <c r="T27" s="101"/>
      <c r="U27" s="101"/>
      <c r="V27" s="101"/>
      <c r="W27" s="58"/>
    </row>
    <row r="28" spans="1:23" ht="28.15" customHeight="1" x14ac:dyDescent="0.15">
      <c r="A28" s="6">
        <v>21</v>
      </c>
      <c r="B28" s="7"/>
      <c r="C28" s="7"/>
      <c r="D28" s="27"/>
      <c r="E28" s="33"/>
      <c r="F28" s="10"/>
      <c r="G28" s="10"/>
      <c r="H28" s="34"/>
      <c r="I28" s="54"/>
      <c r="J28" s="33"/>
      <c r="K28" s="101"/>
      <c r="L28" s="54"/>
      <c r="M28" s="33"/>
      <c r="N28" s="101"/>
      <c r="O28" s="54"/>
      <c r="P28" s="33"/>
      <c r="Q28" s="101"/>
      <c r="R28" s="33"/>
      <c r="S28" s="97"/>
      <c r="T28" s="101"/>
      <c r="U28" s="101"/>
      <c r="V28" s="101"/>
      <c r="W28" s="58"/>
    </row>
    <row r="29" spans="1:23" ht="28.15" customHeight="1" x14ac:dyDescent="0.15">
      <c r="A29" s="6">
        <v>22</v>
      </c>
      <c r="B29" s="7"/>
      <c r="C29" s="7"/>
      <c r="D29" s="27"/>
      <c r="E29" s="33"/>
      <c r="F29" s="10"/>
      <c r="G29" s="10"/>
      <c r="H29" s="34"/>
      <c r="I29" s="54"/>
      <c r="J29" s="33"/>
      <c r="K29" s="101"/>
      <c r="L29" s="54"/>
      <c r="M29" s="33"/>
      <c r="N29" s="101"/>
      <c r="O29" s="54"/>
      <c r="P29" s="33"/>
      <c r="Q29" s="101"/>
      <c r="R29" s="33"/>
      <c r="S29" s="97"/>
      <c r="T29" s="101"/>
      <c r="U29" s="101"/>
      <c r="V29" s="101"/>
      <c r="W29" s="58"/>
    </row>
    <row r="30" spans="1:23" ht="28.15" customHeight="1" x14ac:dyDescent="0.15">
      <c r="A30" s="6">
        <v>23</v>
      </c>
      <c r="B30" s="7"/>
      <c r="C30" s="7"/>
      <c r="D30" s="27"/>
      <c r="E30" s="33"/>
      <c r="F30" s="10"/>
      <c r="G30" s="10"/>
      <c r="H30" s="34"/>
      <c r="I30" s="54"/>
      <c r="J30" s="33"/>
      <c r="K30" s="101"/>
      <c r="L30" s="54"/>
      <c r="M30" s="33"/>
      <c r="N30" s="101"/>
      <c r="O30" s="54"/>
      <c r="P30" s="33"/>
      <c r="Q30" s="101"/>
      <c r="R30" s="33"/>
      <c r="S30" s="97"/>
      <c r="T30" s="101"/>
      <c r="U30" s="101"/>
      <c r="V30" s="101"/>
      <c r="W30" s="58"/>
    </row>
    <row r="31" spans="1:23" ht="28.15" customHeight="1" x14ac:dyDescent="0.15">
      <c r="A31" s="6">
        <v>24</v>
      </c>
      <c r="B31" s="44"/>
      <c r="C31" s="44"/>
      <c r="D31" s="27"/>
      <c r="E31" s="33"/>
      <c r="F31" s="10"/>
      <c r="G31" s="10"/>
      <c r="H31" s="34"/>
      <c r="I31" s="54"/>
      <c r="J31" s="33"/>
      <c r="K31" s="101"/>
      <c r="L31" s="54"/>
      <c r="M31" s="33"/>
      <c r="N31" s="101"/>
      <c r="O31" s="54"/>
      <c r="P31" s="33"/>
      <c r="Q31" s="101"/>
      <c r="R31" s="33"/>
      <c r="S31" s="97"/>
      <c r="T31" s="101"/>
      <c r="U31" s="101"/>
      <c r="V31" s="101"/>
      <c r="W31" s="58"/>
    </row>
    <row r="32" spans="1:23" ht="28.15" customHeight="1" thickBot="1" x14ac:dyDescent="0.2">
      <c r="A32" s="11">
        <v>25</v>
      </c>
      <c r="B32" s="45"/>
      <c r="C32" s="45"/>
      <c r="D32" s="35"/>
      <c r="E32" s="81"/>
      <c r="F32" s="82"/>
      <c r="G32" s="82"/>
      <c r="H32" s="83"/>
      <c r="I32" s="84"/>
      <c r="J32" s="81"/>
      <c r="K32" s="102"/>
      <c r="L32" s="84"/>
      <c r="M32" s="81"/>
      <c r="N32" s="102"/>
      <c r="O32" s="84"/>
      <c r="P32" s="81"/>
      <c r="Q32" s="102"/>
      <c r="R32" s="81"/>
      <c r="S32" s="98"/>
      <c r="T32" s="102"/>
      <c r="U32" s="102"/>
      <c r="V32" s="102"/>
      <c r="W32" s="58"/>
    </row>
    <row r="33" spans="1:24" ht="28.15" customHeight="1" x14ac:dyDescent="0.15">
      <c r="A33" s="12"/>
      <c r="B33" s="13"/>
      <c r="C33" s="13"/>
      <c r="D33" s="13"/>
      <c r="E33" s="13"/>
      <c r="F33" s="13"/>
      <c r="G33" s="13"/>
      <c r="H33" s="13"/>
      <c r="I33" s="13"/>
      <c r="J33" s="13"/>
      <c r="K33" s="13"/>
      <c r="L33" s="13"/>
      <c r="M33" s="13"/>
      <c r="N33" s="13"/>
      <c r="O33" s="13"/>
      <c r="P33" s="13"/>
      <c r="Q33" s="13"/>
      <c r="R33" s="13"/>
      <c r="S33" s="13"/>
      <c r="T33" s="13"/>
      <c r="U33" s="13"/>
      <c r="V33" s="12"/>
      <c r="W33" s="12"/>
    </row>
    <row r="34" spans="1:24" ht="28.15" customHeight="1" x14ac:dyDescent="0.15">
      <c r="B34" s="107" t="str">
        <f>A1</f>
        <v>第４回　東播秋季タイムトライアル大会</v>
      </c>
      <c r="C34" s="107"/>
      <c r="D34" s="107"/>
      <c r="E34" s="107"/>
      <c r="F34" s="107"/>
      <c r="G34" s="108" t="s">
        <v>21</v>
      </c>
      <c r="H34" s="108"/>
      <c r="I34" s="108"/>
      <c r="J34" s="108"/>
      <c r="K34" s="108"/>
      <c r="L34" s="108"/>
      <c r="M34" s="108"/>
      <c r="N34" s="108"/>
      <c r="O34" s="108"/>
      <c r="P34" s="108"/>
      <c r="Q34" s="108"/>
      <c r="R34" s="108"/>
      <c r="S34" s="93"/>
      <c r="T34" s="37"/>
      <c r="U34" s="37"/>
      <c r="V34" s="37"/>
      <c r="W34" s="13"/>
    </row>
    <row r="35" spans="1:24" ht="28.15" customHeight="1" thickBot="1" x14ac:dyDescent="0.2">
      <c r="B35" s="36"/>
      <c r="R35" s="37"/>
      <c r="S35" s="37"/>
      <c r="T35" s="37"/>
      <c r="U35" s="37"/>
      <c r="V35" s="37"/>
      <c r="W35" s="13"/>
    </row>
    <row r="36" spans="1:24" ht="15" customHeight="1" x14ac:dyDescent="0.15">
      <c r="B36" s="13"/>
      <c r="C36" s="13"/>
      <c r="D36" s="13"/>
      <c r="E36" s="13"/>
      <c r="F36" s="13"/>
      <c r="G36" s="13"/>
      <c r="H36" s="13"/>
      <c r="I36" s="13"/>
      <c r="J36" s="62"/>
      <c r="K36" s="63"/>
      <c r="L36" s="63"/>
      <c r="M36" s="60"/>
      <c r="N36" s="64"/>
      <c r="O36" s="64"/>
      <c r="P36" s="14"/>
      <c r="Q36" s="15"/>
      <c r="R36" s="15"/>
      <c r="S36" s="15"/>
      <c r="T36" s="15"/>
      <c r="U36" s="15"/>
      <c r="V36" s="69"/>
      <c r="W36" s="16"/>
      <c r="X36" s="13"/>
    </row>
    <row r="37" spans="1:24" ht="15" customHeight="1" x14ac:dyDescent="0.15">
      <c r="B37" s="106"/>
      <c r="C37" s="106"/>
      <c r="D37" s="106"/>
      <c r="E37" s="106"/>
      <c r="F37" s="13"/>
      <c r="G37" s="13"/>
      <c r="H37" s="13"/>
      <c r="I37" s="13"/>
      <c r="J37" s="127" t="s">
        <v>7</v>
      </c>
      <c r="K37" s="128"/>
      <c r="L37" s="78"/>
      <c r="M37" s="129"/>
      <c r="N37" s="129"/>
      <c r="O37" s="129"/>
      <c r="P37" s="129"/>
      <c r="Q37" s="129"/>
      <c r="R37" s="129"/>
      <c r="S37" s="129"/>
      <c r="T37" s="129"/>
      <c r="U37" s="129"/>
      <c r="V37" s="70"/>
      <c r="W37" s="16"/>
      <c r="X37" s="13"/>
    </row>
    <row r="38" spans="1:24" ht="15" customHeight="1" x14ac:dyDescent="0.15">
      <c r="B38" s="13"/>
      <c r="C38" s="13"/>
      <c r="D38" s="13"/>
      <c r="E38" s="13"/>
      <c r="F38" s="13"/>
      <c r="G38" s="13"/>
      <c r="H38" s="12"/>
      <c r="I38" s="12"/>
      <c r="J38" s="127"/>
      <c r="K38" s="128"/>
      <c r="L38" s="78"/>
      <c r="M38" s="129"/>
      <c r="N38" s="129"/>
      <c r="O38" s="129"/>
      <c r="P38" s="129"/>
      <c r="Q38" s="129"/>
      <c r="R38" s="129"/>
      <c r="S38" s="129"/>
      <c r="T38" s="129"/>
      <c r="U38" s="129"/>
      <c r="V38" s="71"/>
      <c r="W38" s="19"/>
      <c r="X38" s="13"/>
    </row>
    <row r="39" spans="1:24" ht="15" customHeight="1" x14ac:dyDescent="0.15">
      <c r="B39" s="17"/>
      <c r="C39" s="13"/>
      <c r="D39" s="13"/>
      <c r="E39" s="13"/>
      <c r="F39" s="13"/>
      <c r="G39" s="13"/>
      <c r="H39" s="13"/>
      <c r="I39" s="13"/>
      <c r="J39" s="127" t="s">
        <v>8</v>
      </c>
      <c r="K39" s="128"/>
      <c r="L39" s="78"/>
      <c r="M39" s="61"/>
      <c r="N39" s="111"/>
      <c r="O39" s="111"/>
      <c r="P39" s="111"/>
      <c r="Q39" s="111"/>
      <c r="R39" s="111"/>
      <c r="S39" s="111"/>
      <c r="T39" s="111"/>
      <c r="U39" s="46" t="s">
        <v>9</v>
      </c>
      <c r="V39" s="72"/>
      <c r="W39" s="19"/>
      <c r="X39" s="13"/>
    </row>
    <row r="40" spans="1:24" ht="15" customHeight="1" x14ac:dyDescent="0.15">
      <c r="B40" s="13"/>
      <c r="C40" s="13"/>
      <c r="D40" s="13"/>
      <c r="E40" s="13"/>
      <c r="F40" s="13"/>
      <c r="G40" s="13"/>
      <c r="H40" s="13"/>
      <c r="I40" s="13"/>
      <c r="J40" s="127"/>
      <c r="K40" s="128"/>
      <c r="L40" s="78"/>
      <c r="M40" s="66"/>
      <c r="N40" s="111"/>
      <c r="O40" s="111"/>
      <c r="P40" s="111"/>
      <c r="Q40" s="111"/>
      <c r="R40" s="111"/>
      <c r="S40" s="111"/>
      <c r="T40" s="111"/>
      <c r="U40" s="77"/>
      <c r="V40" s="70"/>
      <c r="W40" s="16"/>
      <c r="X40" s="13"/>
    </row>
    <row r="41" spans="1:24" ht="15" customHeight="1" x14ac:dyDescent="0.15">
      <c r="B41" s="13"/>
      <c r="C41" s="13"/>
      <c r="D41" s="13"/>
      <c r="E41" s="13"/>
      <c r="F41" s="13"/>
      <c r="G41" s="13"/>
      <c r="J41" s="65" t="s">
        <v>10</v>
      </c>
      <c r="K41" s="67"/>
      <c r="L41" s="67"/>
      <c r="M41" s="68" t="s">
        <v>11</v>
      </c>
      <c r="N41" s="119"/>
      <c r="O41" s="119"/>
      <c r="P41" s="119"/>
      <c r="Q41" s="119"/>
      <c r="R41" s="119"/>
      <c r="S41" s="92"/>
      <c r="T41" s="20"/>
      <c r="U41" s="16"/>
      <c r="V41" s="73"/>
      <c r="W41" s="20"/>
    </row>
    <row r="42" spans="1:24" ht="15" customHeight="1" x14ac:dyDescent="0.15">
      <c r="C42" s="2"/>
      <c r="D42" s="2"/>
      <c r="E42" s="2"/>
      <c r="J42" s="120"/>
      <c r="K42" s="121"/>
      <c r="L42" s="121"/>
      <c r="M42" s="121"/>
      <c r="N42" s="121"/>
      <c r="O42" s="121"/>
      <c r="P42" s="121"/>
      <c r="Q42" s="121"/>
      <c r="R42" s="121"/>
      <c r="S42" s="121"/>
      <c r="T42" s="121"/>
      <c r="U42" s="121"/>
      <c r="V42" s="122"/>
      <c r="W42" s="20"/>
    </row>
    <row r="43" spans="1:24" ht="15" customHeight="1" x14ac:dyDescent="0.15">
      <c r="J43" s="120"/>
      <c r="K43" s="121"/>
      <c r="L43" s="121"/>
      <c r="M43" s="121"/>
      <c r="N43" s="121"/>
      <c r="O43" s="121"/>
      <c r="P43" s="121"/>
      <c r="Q43" s="121"/>
      <c r="R43" s="121"/>
      <c r="S43" s="121"/>
      <c r="T43" s="121"/>
      <c r="U43" s="121"/>
      <c r="V43" s="122"/>
      <c r="W43" s="16"/>
    </row>
    <row r="44" spans="1:24" ht="15" customHeight="1" x14ac:dyDescent="0.15">
      <c r="B44" s="109" t="s">
        <v>31</v>
      </c>
      <c r="C44" s="109"/>
      <c r="D44" s="109"/>
      <c r="E44" s="109"/>
      <c r="J44" s="136" t="s">
        <v>12</v>
      </c>
      <c r="K44" s="137"/>
      <c r="L44" s="137"/>
      <c r="M44" s="137"/>
      <c r="N44" s="137"/>
      <c r="O44" s="79"/>
      <c r="P44" s="134"/>
      <c r="Q44" s="134"/>
      <c r="R44" s="134"/>
      <c r="S44" s="134"/>
      <c r="T44" s="134"/>
      <c r="U44" s="134"/>
      <c r="V44" s="70"/>
      <c r="W44" s="16"/>
    </row>
    <row r="45" spans="1:24" ht="15" customHeight="1" x14ac:dyDescent="0.15">
      <c r="B45" s="109"/>
      <c r="C45" s="109"/>
      <c r="D45" s="109"/>
      <c r="E45" s="109"/>
      <c r="J45" s="136"/>
      <c r="K45" s="137"/>
      <c r="L45" s="137"/>
      <c r="M45" s="137"/>
      <c r="N45" s="137"/>
      <c r="O45" s="79"/>
      <c r="P45" s="134"/>
      <c r="Q45" s="134"/>
      <c r="R45" s="134"/>
      <c r="S45" s="134"/>
      <c r="T45" s="134"/>
      <c r="U45" s="134"/>
      <c r="V45" s="70"/>
      <c r="W45" s="16"/>
    </row>
    <row r="46" spans="1:24" ht="15" customHeight="1" x14ac:dyDescent="0.15">
      <c r="J46" s="136" t="s">
        <v>13</v>
      </c>
      <c r="K46" s="137"/>
      <c r="L46" s="137"/>
      <c r="M46" s="137"/>
      <c r="N46" s="137"/>
      <c r="O46" s="79"/>
      <c r="P46" s="134"/>
      <c r="Q46" s="134"/>
      <c r="R46" s="134"/>
      <c r="S46" s="134"/>
      <c r="T46" s="134"/>
      <c r="U46" s="134"/>
      <c r="V46" s="70"/>
      <c r="W46" s="16"/>
    </row>
    <row r="47" spans="1:24" ht="15" customHeight="1" thickBot="1" x14ac:dyDescent="0.2">
      <c r="J47" s="138"/>
      <c r="K47" s="139"/>
      <c r="L47" s="139"/>
      <c r="M47" s="139"/>
      <c r="N47" s="139"/>
      <c r="O47" s="80"/>
      <c r="P47" s="135"/>
      <c r="Q47" s="135"/>
      <c r="R47" s="135"/>
      <c r="S47" s="135"/>
      <c r="T47" s="135"/>
      <c r="U47" s="135"/>
      <c r="V47" s="74"/>
      <c r="W47" s="16"/>
    </row>
    <row r="48" spans="1:24" x14ac:dyDescent="0.15">
      <c r="V48" s="76">
        <v>2021</v>
      </c>
      <c r="W48" s="13"/>
    </row>
    <row r="50" spans="1:24" ht="30" customHeight="1" x14ac:dyDescent="0.25">
      <c r="A50" s="103" t="str">
        <f>A1</f>
        <v>第４回　東播秋季タイムトライアル大会</v>
      </c>
      <c r="B50" s="103"/>
      <c r="C50" s="103"/>
      <c r="D50" s="103"/>
      <c r="E50" s="103"/>
      <c r="F50" s="103"/>
      <c r="G50" s="103"/>
      <c r="H50" s="103"/>
      <c r="I50" s="103"/>
      <c r="J50" s="103"/>
      <c r="K50" s="103"/>
      <c r="L50" s="103"/>
      <c r="M50" s="103"/>
      <c r="N50" s="103"/>
      <c r="O50" s="103"/>
      <c r="P50" s="103"/>
      <c r="Q50" s="103"/>
      <c r="R50" s="103"/>
      <c r="S50" s="103"/>
      <c r="T50" s="103"/>
      <c r="U50" s="103"/>
      <c r="V50" s="103"/>
      <c r="W50" s="103"/>
    </row>
    <row r="51" spans="1:24" ht="28.15" customHeight="1" x14ac:dyDescent="0.15">
      <c r="A51" s="111" t="s">
        <v>0</v>
      </c>
      <c r="B51" s="111"/>
      <c r="C51" s="111"/>
      <c r="D51" s="111"/>
      <c r="E51" s="111"/>
      <c r="F51" s="111"/>
      <c r="G51" s="111"/>
      <c r="H51" s="111"/>
      <c r="I51" s="111"/>
      <c r="J51" s="111"/>
      <c r="K51" s="111"/>
      <c r="L51" s="111"/>
      <c r="M51" s="111"/>
      <c r="N51" s="111"/>
      <c r="O51" s="111"/>
      <c r="P51" s="111"/>
      <c r="Q51" s="111"/>
      <c r="R51" s="111"/>
      <c r="S51" s="111"/>
      <c r="T51" s="111"/>
      <c r="U51" s="111"/>
      <c r="V51" s="111"/>
      <c r="W51" s="50"/>
    </row>
    <row r="52" spans="1:24" ht="28.15" customHeight="1" thickBot="1" x14ac:dyDescent="0.2">
      <c r="A52" s="2"/>
      <c r="M52" s="2"/>
      <c r="T52" s="110" t="s">
        <v>20</v>
      </c>
      <c r="U52" s="110"/>
    </row>
    <row r="53" spans="1:24" ht="28.15" customHeight="1" thickBot="1" x14ac:dyDescent="0.2">
      <c r="B53" s="48" t="s">
        <v>14</v>
      </c>
      <c r="C53" s="104" t="s">
        <v>22</v>
      </c>
      <c r="D53" s="105"/>
      <c r="E53" s="105"/>
      <c r="F53" s="105"/>
      <c r="G53" s="105"/>
      <c r="H53" s="105"/>
      <c r="I53" s="105"/>
      <c r="J53" s="105"/>
      <c r="K53" s="105"/>
      <c r="L53" s="105"/>
      <c r="M53" s="105"/>
      <c r="N53" s="105"/>
      <c r="O53" s="105"/>
      <c r="P53" s="105"/>
      <c r="Q53" s="105"/>
      <c r="R53" s="105"/>
      <c r="S53" s="105"/>
      <c r="T53" s="105"/>
      <c r="U53" s="105"/>
      <c r="V53" s="105"/>
      <c r="W53" s="56"/>
    </row>
    <row r="54" spans="1:24" ht="28.15" customHeight="1" thickBot="1" x14ac:dyDescent="0.2">
      <c r="A54" s="3"/>
      <c r="C54" s="133" t="s">
        <v>29</v>
      </c>
      <c r="D54" s="133"/>
      <c r="E54" s="133"/>
      <c r="F54" s="133"/>
      <c r="G54" s="133"/>
      <c r="H54" s="133"/>
      <c r="I54" s="133"/>
      <c r="J54" s="133"/>
      <c r="K54" s="133"/>
      <c r="L54" s="133"/>
      <c r="M54" s="133"/>
      <c r="N54" s="133"/>
      <c r="O54" s="133"/>
      <c r="P54" s="133"/>
      <c r="Q54" s="133"/>
      <c r="R54" s="133"/>
      <c r="S54" s="133"/>
      <c r="T54" s="133"/>
      <c r="U54" s="133"/>
      <c r="V54" s="133"/>
      <c r="W54" s="57"/>
    </row>
    <row r="55" spans="1:24" ht="28.15" customHeight="1" x14ac:dyDescent="0.15">
      <c r="A55" s="114" t="s">
        <v>15</v>
      </c>
      <c r="B55" s="125" t="s">
        <v>2</v>
      </c>
      <c r="C55" s="125" t="s">
        <v>16</v>
      </c>
      <c r="D55" s="21" t="s">
        <v>18</v>
      </c>
      <c r="E55" s="116" t="s">
        <v>3</v>
      </c>
      <c r="F55" s="117"/>
      <c r="G55" s="117"/>
      <c r="H55" s="118"/>
      <c r="I55" s="116" t="s">
        <v>4</v>
      </c>
      <c r="J55" s="123"/>
      <c r="K55" s="124"/>
      <c r="L55" s="116" t="s">
        <v>5</v>
      </c>
      <c r="M55" s="123"/>
      <c r="N55" s="124"/>
      <c r="O55" s="132" t="s">
        <v>17</v>
      </c>
      <c r="P55" s="123"/>
      <c r="Q55" s="124"/>
      <c r="R55" s="130" t="s">
        <v>6</v>
      </c>
      <c r="S55" s="130"/>
      <c r="T55" s="131"/>
      <c r="U55" s="90" t="s">
        <v>24</v>
      </c>
      <c r="V55" s="89" t="s">
        <v>25</v>
      </c>
      <c r="W55" s="57"/>
      <c r="X55" s="13"/>
    </row>
    <row r="56" spans="1:24" ht="28.15" customHeight="1" x14ac:dyDescent="0.15">
      <c r="A56" s="115"/>
      <c r="B56" s="126"/>
      <c r="C56" s="126"/>
      <c r="D56" s="22" t="s">
        <v>19</v>
      </c>
      <c r="E56" s="4">
        <v>50</v>
      </c>
      <c r="F56" s="5">
        <v>100</v>
      </c>
      <c r="G56" s="5">
        <v>200</v>
      </c>
      <c r="H56" s="47">
        <v>400</v>
      </c>
      <c r="I56" s="85">
        <v>50</v>
      </c>
      <c r="J56" s="23">
        <v>100</v>
      </c>
      <c r="K56" s="24">
        <v>200</v>
      </c>
      <c r="L56" s="88">
        <v>50</v>
      </c>
      <c r="M56" s="25">
        <v>100</v>
      </c>
      <c r="N56" s="24">
        <v>200</v>
      </c>
      <c r="O56" s="88">
        <v>50</v>
      </c>
      <c r="P56" s="23">
        <v>100</v>
      </c>
      <c r="Q56" s="24">
        <v>200</v>
      </c>
      <c r="R56" s="25">
        <v>100</v>
      </c>
      <c r="S56" s="95">
        <v>200</v>
      </c>
      <c r="T56" s="24">
        <v>400</v>
      </c>
      <c r="U56" s="51" t="s">
        <v>27</v>
      </c>
      <c r="V56" s="55" t="s">
        <v>27</v>
      </c>
      <c r="W56" s="58"/>
      <c r="X56" s="13"/>
    </row>
    <row r="57" spans="1:24" ht="28.15" customHeight="1" x14ac:dyDescent="0.15">
      <c r="A57" s="6">
        <v>1</v>
      </c>
      <c r="B57" s="38"/>
      <c r="C57" s="39"/>
      <c r="D57" s="40"/>
      <c r="E57" s="41"/>
      <c r="F57" s="42"/>
      <c r="G57" s="42"/>
      <c r="H57" s="40"/>
      <c r="I57" s="91"/>
      <c r="J57" s="28"/>
      <c r="K57" s="99"/>
      <c r="L57" s="52"/>
      <c r="M57" s="28"/>
      <c r="N57" s="99"/>
      <c r="O57" s="52"/>
      <c r="P57" s="9"/>
      <c r="Q57" s="99"/>
      <c r="R57" s="28"/>
      <c r="S57" s="96"/>
      <c r="T57" s="99"/>
      <c r="U57" s="99"/>
      <c r="V57" s="99"/>
      <c r="W57" s="59"/>
      <c r="X57" s="13"/>
    </row>
    <row r="58" spans="1:24" ht="28.15" customHeight="1" x14ac:dyDescent="0.15">
      <c r="A58" s="6">
        <v>2</v>
      </c>
      <c r="B58" s="38"/>
      <c r="C58" s="39"/>
      <c r="D58" s="40"/>
      <c r="E58" s="41"/>
      <c r="F58" s="42"/>
      <c r="G58" s="42"/>
      <c r="H58" s="40"/>
      <c r="I58" s="91"/>
      <c r="J58" s="28"/>
      <c r="K58" s="99"/>
      <c r="L58" s="52"/>
      <c r="M58" s="28"/>
      <c r="N58" s="99"/>
      <c r="O58" s="52"/>
      <c r="P58" s="28"/>
      <c r="Q58" s="99"/>
      <c r="R58" s="28"/>
      <c r="S58" s="96"/>
      <c r="T58" s="99"/>
      <c r="U58" s="99"/>
      <c r="V58" s="99"/>
      <c r="W58" s="59"/>
      <c r="X58" s="13"/>
    </row>
    <row r="59" spans="1:24" ht="28.15" customHeight="1" x14ac:dyDescent="0.15">
      <c r="A59" s="6">
        <v>3</v>
      </c>
      <c r="B59" s="38"/>
      <c r="C59" s="39"/>
      <c r="D59" s="40"/>
      <c r="E59" s="41"/>
      <c r="F59" s="42"/>
      <c r="G59" s="42"/>
      <c r="H59" s="40"/>
      <c r="I59" s="91"/>
      <c r="J59" s="28"/>
      <c r="K59" s="99"/>
      <c r="L59" s="52"/>
      <c r="M59" s="28"/>
      <c r="N59" s="99"/>
      <c r="O59" s="52"/>
      <c r="P59" s="28"/>
      <c r="Q59" s="99"/>
      <c r="R59" s="28"/>
      <c r="S59" s="96"/>
      <c r="T59" s="99"/>
      <c r="U59" s="99"/>
      <c r="V59" s="99"/>
      <c r="W59" s="59"/>
      <c r="X59" s="13"/>
    </row>
    <row r="60" spans="1:24" ht="28.15" customHeight="1" x14ac:dyDescent="0.15">
      <c r="A60" s="6">
        <v>4</v>
      </c>
      <c r="B60" s="38"/>
      <c r="C60" s="39"/>
      <c r="D60" s="40"/>
      <c r="E60" s="41"/>
      <c r="F60" s="42"/>
      <c r="G60" s="42"/>
      <c r="H60" s="40"/>
      <c r="I60" s="91"/>
      <c r="J60" s="28"/>
      <c r="K60" s="99"/>
      <c r="L60" s="52"/>
      <c r="M60" s="28"/>
      <c r="N60" s="99"/>
      <c r="O60" s="52"/>
      <c r="P60" s="28"/>
      <c r="Q60" s="99"/>
      <c r="R60" s="28"/>
      <c r="S60" s="96"/>
      <c r="T60" s="99"/>
      <c r="U60" s="99"/>
      <c r="V60" s="99"/>
      <c r="W60" s="59"/>
      <c r="X60" s="13"/>
    </row>
    <row r="61" spans="1:24" ht="28.15" customHeight="1" x14ac:dyDescent="0.15">
      <c r="A61" s="6">
        <v>5</v>
      </c>
      <c r="B61" s="38"/>
      <c r="C61" s="39"/>
      <c r="D61" s="40"/>
      <c r="E61" s="41"/>
      <c r="F61" s="42"/>
      <c r="G61" s="42"/>
      <c r="H61" s="40"/>
      <c r="I61" s="91"/>
      <c r="J61" s="28"/>
      <c r="K61" s="99"/>
      <c r="L61" s="52"/>
      <c r="M61" s="9"/>
      <c r="N61" s="99"/>
      <c r="O61" s="52"/>
      <c r="P61" s="28"/>
      <c r="Q61" s="99"/>
      <c r="R61" s="28"/>
      <c r="S61" s="96"/>
      <c r="T61" s="99"/>
      <c r="U61" s="99"/>
      <c r="V61" s="99"/>
      <c r="W61" s="59"/>
      <c r="X61" s="13"/>
    </row>
    <row r="62" spans="1:24" ht="28.15" customHeight="1" x14ac:dyDescent="0.15">
      <c r="A62" s="6">
        <v>6</v>
      </c>
      <c r="B62" s="43"/>
      <c r="C62" s="39"/>
      <c r="D62" s="40"/>
      <c r="E62" s="41"/>
      <c r="F62" s="42"/>
      <c r="G62" s="42"/>
      <c r="H62" s="40"/>
      <c r="I62" s="91"/>
      <c r="J62" s="28"/>
      <c r="K62" s="99"/>
      <c r="L62" s="52"/>
      <c r="M62" s="28"/>
      <c r="N62" s="99"/>
      <c r="O62" s="52"/>
      <c r="P62" s="28"/>
      <c r="Q62" s="99"/>
      <c r="R62" s="28"/>
      <c r="S62" s="96"/>
      <c r="T62" s="99"/>
      <c r="U62" s="99"/>
      <c r="V62" s="99"/>
      <c r="W62" s="59"/>
      <c r="X62" s="13"/>
    </row>
    <row r="63" spans="1:24" ht="28.15" customHeight="1" x14ac:dyDescent="0.15">
      <c r="A63" s="6">
        <v>7</v>
      </c>
      <c r="B63" s="43"/>
      <c r="C63" s="39"/>
      <c r="D63" s="40"/>
      <c r="E63" s="41"/>
      <c r="F63" s="42"/>
      <c r="G63" s="42"/>
      <c r="H63" s="40"/>
      <c r="I63" s="91"/>
      <c r="J63" s="28"/>
      <c r="K63" s="99"/>
      <c r="L63" s="52"/>
      <c r="M63" s="28"/>
      <c r="N63" s="99"/>
      <c r="O63" s="52"/>
      <c r="P63" s="28"/>
      <c r="Q63" s="99"/>
      <c r="R63" s="28"/>
      <c r="S63" s="96"/>
      <c r="T63" s="99"/>
      <c r="U63" s="99"/>
      <c r="V63" s="99"/>
      <c r="W63" s="59"/>
      <c r="X63" s="13"/>
    </row>
    <row r="64" spans="1:24" ht="28.15" customHeight="1" x14ac:dyDescent="0.15">
      <c r="A64" s="6">
        <v>8</v>
      </c>
      <c r="B64" s="39"/>
      <c r="C64" s="39"/>
      <c r="D64" s="40"/>
      <c r="E64" s="41"/>
      <c r="F64" s="42"/>
      <c r="G64" s="42"/>
      <c r="H64" s="40"/>
      <c r="I64" s="91"/>
      <c r="J64" s="28"/>
      <c r="K64" s="99"/>
      <c r="L64" s="52"/>
      <c r="M64" s="28"/>
      <c r="N64" s="99"/>
      <c r="O64" s="52"/>
      <c r="P64" s="28"/>
      <c r="Q64" s="99"/>
      <c r="R64" s="28"/>
      <c r="S64" s="96"/>
      <c r="T64" s="99"/>
      <c r="U64" s="99"/>
      <c r="V64" s="99"/>
      <c r="W64" s="59"/>
      <c r="X64" s="13"/>
    </row>
    <row r="65" spans="1:24" ht="28.15" customHeight="1" x14ac:dyDescent="0.15">
      <c r="A65" s="6">
        <v>9</v>
      </c>
      <c r="B65" s="39"/>
      <c r="C65" s="39"/>
      <c r="D65" s="40"/>
      <c r="E65" s="41"/>
      <c r="F65" s="42"/>
      <c r="G65" s="42"/>
      <c r="H65" s="40"/>
      <c r="I65" s="91"/>
      <c r="J65" s="28"/>
      <c r="K65" s="99"/>
      <c r="L65" s="52"/>
      <c r="M65" s="28"/>
      <c r="N65" s="99"/>
      <c r="O65" s="52"/>
      <c r="P65" s="28"/>
      <c r="Q65" s="99"/>
      <c r="R65" s="28"/>
      <c r="S65" s="96"/>
      <c r="T65" s="99"/>
      <c r="U65" s="99"/>
      <c r="V65" s="99"/>
      <c r="W65" s="59"/>
      <c r="X65" s="13"/>
    </row>
    <row r="66" spans="1:24" ht="28.15" customHeight="1" x14ac:dyDescent="0.15">
      <c r="A66" s="6">
        <v>10</v>
      </c>
      <c r="B66" s="44"/>
      <c r="C66" s="44"/>
      <c r="D66" s="27"/>
      <c r="E66" s="9"/>
      <c r="F66" s="8"/>
      <c r="G66" s="8"/>
      <c r="H66" s="27"/>
      <c r="I66" s="53"/>
      <c r="J66" s="28"/>
      <c r="K66" s="99"/>
      <c r="L66" s="52"/>
      <c r="M66" s="28"/>
      <c r="N66" s="99"/>
      <c r="O66" s="52"/>
      <c r="P66" s="28"/>
      <c r="Q66" s="99"/>
      <c r="R66" s="28"/>
      <c r="S66" s="96"/>
      <c r="T66" s="99"/>
      <c r="U66" s="99"/>
      <c r="V66" s="99"/>
      <c r="W66" s="58"/>
      <c r="X66" s="13"/>
    </row>
    <row r="67" spans="1:24" ht="28.15" customHeight="1" x14ac:dyDescent="0.15">
      <c r="A67" s="6">
        <v>11</v>
      </c>
      <c r="B67" s="44"/>
      <c r="C67" s="44"/>
      <c r="D67" s="27"/>
      <c r="E67" s="9"/>
      <c r="F67" s="8"/>
      <c r="G67" s="8"/>
      <c r="H67" s="27"/>
      <c r="I67" s="53"/>
      <c r="J67" s="9"/>
      <c r="K67" s="100"/>
      <c r="L67" s="53"/>
      <c r="M67" s="9"/>
      <c r="N67" s="100"/>
      <c r="O67" s="53"/>
      <c r="P67" s="9"/>
      <c r="Q67" s="100"/>
      <c r="R67" s="9"/>
      <c r="S67" s="94"/>
      <c r="T67" s="100"/>
      <c r="U67" s="100"/>
      <c r="V67" s="100"/>
      <c r="W67" s="58"/>
      <c r="X67" s="13"/>
    </row>
    <row r="68" spans="1:24" ht="28.15" customHeight="1" x14ac:dyDescent="0.15">
      <c r="A68" s="6">
        <v>12</v>
      </c>
      <c r="B68" s="44"/>
      <c r="C68" s="44"/>
      <c r="D68" s="27"/>
      <c r="E68" s="9"/>
      <c r="F68" s="8"/>
      <c r="G68" s="8"/>
      <c r="H68" s="27"/>
      <c r="I68" s="53"/>
      <c r="J68" s="33"/>
      <c r="K68" s="101"/>
      <c r="L68" s="54"/>
      <c r="M68" s="33"/>
      <c r="N68" s="101"/>
      <c r="O68" s="54"/>
      <c r="P68" s="33"/>
      <c r="Q68" s="101"/>
      <c r="R68" s="33"/>
      <c r="S68" s="97"/>
      <c r="T68" s="101"/>
      <c r="U68" s="101"/>
      <c r="V68" s="101"/>
      <c r="W68" s="58"/>
      <c r="X68" s="13"/>
    </row>
    <row r="69" spans="1:24" ht="28.15" customHeight="1" x14ac:dyDescent="0.15">
      <c r="A69" s="6">
        <v>13</v>
      </c>
      <c r="B69" s="44"/>
      <c r="C69" s="44"/>
      <c r="D69" s="27"/>
      <c r="E69" s="33"/>
      <c r="F69" s="10"/>
      <c r="G69" s="10"/>
      <c r="H69" s="34"/>
      <c r="I69" s="54"/>
      <c r="J69" s="33"/>
      <c r="K69" s="101"/>
      <c r="L69" s="54"/>
      <c r="M69" s="33"/>
      <c r="N69" s="101"/>
      <c r="O69" s="54"/>
      <c r="P69" s="33"/>
      <c r="Q69" s="101"/>
      <c r="R69" s="33"/>
      <c r="S69" s="97"/>
      <c r="T69" s="101"/>
      <c r="U69" s="101"/>
      <c r="V69" s="101"/>
      <c r="W69" s="58"/>
      <c r="X69" s="13"/>
    </row>
    <row r="70" spans="1:24" ht="28.15" customHeight="1" x14ac:dyDescent="0.15">
      <c r="A70" s="6">
        <v>14</v>
      </c>
      <c r="B70" s="44"/>
      <c r="C70" s="44"/>
      <c r="D70" s="27"/>
      <c r="E70" s="33"/>
      <c r="F70" s="10"/>
      <c r="G70" s="10"/>
      <c r="H70" s="34"/>
      <c r="I70" s="54"/>
      <c r="J70" s="33"/>
      <c r="K70" s="101"/>
      <c r="L70" s="54"/>
      <c r="M70" s="33"/>
      <c r="N70" s="101"/>
      <c r="O70" s="54"/>
      <c r="P70" s="33"/>
      <c r="Q70" s="101"/>
      <c r="R70" s="33"/>
      <c r="S70" s="97"/>
      <c r="T70" s="101"/>
      <c r="U70" s="101"/>
      <c r="V70" s="101"/>
      <c r="W70" s="58"/>
      <c r="X70" s="13"/>
    </row>
    <row r="71" spans="1:24" ht="28.15" customHeight="1" x14ac:dyDescent="0.15">
      <c r="A71" s="6">
        <v>15</v>
      </c>
      <c r="B71" s="44"/>
      <c r="C71" s="44"/>
      <c r="D71" s="27"/>
      <c r="E71" s="33"/>
      <c r="F71" s="10"/>
      <c r="G71" s="10"/>
      <c r="H71" s="34"/>
      <c r="I71" s="54"/>
      <c r="J71" s="33"/>
      <c r="K71" s="101"/>
      <c r="L71" s="54"/>
      <c r="M71" s="33"/>
      <c r="N71" s="101"/>
      <c r="O71" s="54"/>
      <c r="P71" s="33"/>
      <c r="Q71" s="101"/>
      <c r="R71" s="33"/>
      <c r="S71" s="97"/>
      <c r="T71" s="101"/>
      <c r="U71" s="101"/>
      <c r="V71" s="101"/>
      <c r="W71" s="58"/>
      <c r="X71" s="13"/>
    </row>
    <row r="72" spans="1:24" ht="28.15" customHeight="1" x14ac:dyDescent="0.15">
      <c r="A72" s="6">
        <v>16</v>
      </c>
      <c r="B72" s="44"/>
      <c r="C72" s="44"/>
      <c r="D72" s="27"/>
      <c r="E72" s="33"/>
      <c r="F72" s="10"/>
      <c r="G72" s="10"/>
      <c r="H72" s="34"/>
      <c r="I72" s="54"/>
      <c r="J72" s="33"/>
      <c r="K72" s="101"/>
      <c r="L72" s="54"/>
      <c r="M72" s="33"/>
      <c r="N72" s="101"/>
      <c r="O72" s="54"/>
      <c r="P72" s="33"/>
      <c r="Q72" s="101"/>
      <c r="R72" s="33"/>
      <c r="S72" s="97"/>
      <c r="T72" s="101"/>
      <c r="U72" s="101"/>
      <c r="V72" s="101"/>
      <c r="W72" s="58"/>
      <c r="X72" s="13"/>
    </row>
    <row r="73" spans="1:24" ht="28.15" customHeight="1" x14ac:dyDescent="0.15">
      <c r="A73" s="6">
        <v>17</v>
      </c>
      <c r="B73" s="44"/>
      <c r="C73" s="44"/>
      <c r="D73" s="27"/>
      <c r="E73" s="33"/>
      <c r="F73" s="10"/>
      <c r="G73" s="10"/>
      <c r="H73" s="34"/>
      <c r="I73" s="54"/>
      <c r="J73" s="33"/>
      <c r="K73" s="101"/>
      <c r="L73" s="54"/>
      <c r="M73" s="33"/>
      <c r="N73" s="101"/>
      <c r="O73" s="54"/>
      <c r="P73" s="33"/>
      <c r="Q73" s="101"/>
      <c r="R73" s="33"/>
      <c r="S73" s="97"/>
      <c r="T73" s="101"/>
      <c r="U73" s="101"/>
      <c r="V73" s="101"/>
      <c r="W73" s="58"/>
      <c r="X73" s="13"/>
    </row>
    <row r="74" spans="1:24" ht="28.15" customHeight="1" x14ac:dyDescent="0.15">
      <c r="A74" s="6">
        <v>18</v>
      </c>
      <c r="B74" s="44"/>
      <c r="C74" s="44"/>
      <c r="D74" s="27"/>
      <c r="E74" s="33"/>
      <c r="F74" s="10"/>
      <c r="G74" s="10"/>
      <c r="H74" s="34"/>
      <c r="I74" s="54"/>
      <c r="J74" s="33"/>
      <c r="K74" s="101"/>
      <c r="L74" s="54"/>
      <c r="M74" s="33"/>
      <c r="N74" s="101"/>
      <c r="O74" s="54"/>
      <c r="P74" s="33"/>
      <c r="Q74" s="101"/>
      <c r="R74" s="33"/>
      <c r="S74" s="97"/>
      <c r="T74" s="101"/>
      <c r="U74" s="101"/>
      <c r="V74" s="101"/>
      <c r="W74" s="58"/>
      <c r="X74" s="13"/>
    </row>
    <row r="75" spans="1:24" ht="28.15" customHeight="1" x14ac:dyDescent="0.15">
      <c r="A75" s="6">
        <v>19</v>
      </c>
      <c r="B75" s="44"/>
      <c r="C75" s="44"/>
      <c r="D75" s="27"/>
      <c r="E75" s="33"/>
      <c r="F75" s="10"/>
      <c r="G75" s="10"/>
      <c r="H75" s="34"/>
      <c r="I75" s="54"/>
      <c r="J75" s="33"/>
      <c r="K75" s="101"/>
      <c r="L75" s="54"/>
      <c r="M75" s="33"/>
      <c r="N75" s="101"/>
      <c r="O75" s="54"/>
      <c r="P75" s="33"/>
      <c r="Q75" s="101"/>
      <c r="R75" s="33"/>
      <c r="S75" s="97"/>
      <c r="T75" s="101"/>
      <c r="U75" s="101"/>
      <c r="V75" s="101"/>
      <c r="W75" s="58"/>
      <c r="X75" s="13"/>
    </row>
    <row r="76" spans="1:24" ht="28.15" customHeight="1" x14ac:dyDescent="0.15">
      <c r="A76" s="6">
        <v>20</v>
      </c>
      <c r="B76" s="44"/>
      <c r="C76" s="44"/>
      <c r="D76" s="27"/>
      <c r="E76" s="33"/>
      <c r="F76" s="10"/>
      <c r="G76" s="10"/>
      <c r="H76" s="34"/>
      <c r="I76" s="54"/>
      <c r="J76" s="33"/>
      <c r="K76" s="101"/>
      <c r="L76" s="54"/>
      <c r="M76" s="33"/>
      <c r="N76" s="101"/>
      <c r="O76" s="54"/>
      <c r="P76" s="33"/>
      <c r="Q76" s="101"/>
      <c r="R76" s="33"/>
      <c r="S76" s="97"/>
      <c r="T76" s="101"/>
      <c r="U76" s="101"/>
      <c r="V76" s="101"/>
      <c r="W76" s="58"/>
      <c r="X76" s="13"/>
    </row>
    <row r="77" spans="1:24" ht="28.15" customHeight="1" x14ac:dyDescent="0.15">
      <c r="A77" s="6">
        <v>21</v>
      </c>
      <c r="B77" s="44"/>
      <c r="C77" s="44"/>
      <c r="D77" s="27"/>
      <c r="E77" s="33"/>
      <c r="F77" s="10"/>
      <c r="G77" s="10"/>
      <c r="H77" s="34"/>
      <c r="I77" s="54"/>
      <c r="J77" s="33"/>
      <c r="K77" s="101"/>
      <c r="L77" s="54"/>
      <c r="M77" s="33"/>
      <c r="N77" s="101"/>
      <c r="O77" s="54"/>
      <c r="P77" s="33"/>
      <c r="Q77" s="101"/>
      <c r="R77" s="33"/>
      <c r="S77" s="97"/>
      <c r="T77" s="101"/>
      <c r="U77" s="101"/>
      <c r="V77" s="101"/>
      <c r="W77" s="58"/>
      <c r="X77" s="13"/>
    </row>
    <row r="78" spans="1:24" ht="28.15" customHeight="1" x14ac:dyDescent="0.15">
      <c r="A78" s="6">
        <v>22</v>
      </c>
      <c r="B78" s="44"/>
      <c r="C78" s="44"/>
      <c r="D78" s="27"/>
      <c r="E78" s="33"/>
      <c r="F78" s="10"/>
      <c r="G78" s="10"/>
      <c r="H78" s="34"/>
      <c r="I78" s="54"/>
      <c r="J78" s="33"/>
      <c r="K78" s="101"/>
      <c r="L78" s="54"/>
      <c r="M78" s="33"/>
      <c r="N78" s="101"/>
      <c r="O78" s="54"/>
      <c r="P78" s="33"/>
      <c r="Q78" s="101"/>
      <c r="R78" s="33"/>
      <c r="S78" s="97"/>
      <c r="T78" s="101"/>
      <c r="U78" s="101"/>
      <c r="V78" s="101"/>
      <c r="W78" s="58"/>
      <c r="X78" s="13"/>
    </row>
    <row r="79" spans="1:24" ht="28.15" customHeight="1" x14ac:dyDescent="0.15">
      <c r="A79" s="6">
        <v>23</v>
      </c>
      <c r="B79" s="44"/>
      <c r="C79" s="44"/>
      <c r="D79" s="27"/>
      <c r="E79" s="33"/>
      <c r="F79" s="10"/>
      <c r="G79" s="10"/>
      <c r="H79" s="34"/>
      <c r="I79" s="54"/>
      <c r="J79" s="33"/>
      <c r="K79" s="101"/>
      <c r="L79" s="54"/>
      <c r="M79" s="33"/>
      <c r="N79" s="101"/>
      <c r="O79" s="54"/>
      <c r="P79" s="33"/>
      <c r="Q79" s="101"/>
      <c r="R79" s="33"/>
      <c r="S79" s="97"/>
      <c r="T79" s="101"/>
      <c r="U79" s="101"/>
      <c r="V79" s="101"/>
      <c r="W79" s="58"/>
      <c r="X79" s="13"/>
    </row>
    <row r="80" spans="1:24" ht="28.15" customHeight="1" x14ac:dyDescent="0.15">
      <c r="A80" s="6">
        <v>24</v>
      </c>
      <c r="B80" s="44"/>
      <c r="C80" s="44"/>
      <c r="D80" s="27"/>
      <c r="E80" s="33"/>
      <c r="F80" s="10"/>
      <c r="G80" s="10"/>
      <c r="H80" s="34"/>
      <c r="I80" s="54"/>
      <c r="J80" s="33"/>
      <c r="K80" s="101"/>
      <c r="L80" s="54"/>
      <c r="M80" s="33"/>
      <c r="N80" s="101"/>
      <c r="O80" s="54"/>
      <c r="P80" s="33"/>
      <c r="Q80" s="101"/>
      <c r="R80" s="33"/>
      <c r="S80" s="97"/>
      <c r="T80" s="101"/>
      <c r="U80" s="101"/>
      <c r="V80" s="101"/>
      <c r="W80" s="58"/>
      <c r="X80" s="13"/>
    </row>
    <row r="81" spans="1:24" ht="28.15" customHeight="1" thickBot="1" x14ac:dyDescent="0.2">
      <c r="A81" s="11">
        <v>25</v>
      </c>
      <c r="B81" s="45"/>
      <c r="C81" s="45"/>
      <c r="D81" s="35"/>
      <c r="E81" s="81"/>
      <c r="F81" s="82"/>
      <c r="G81" s="82"/>
      <c r="H81" s="83"/>
      <c r="I81" s="84"/>
      <c r="J81" s="81"/>
      <c r="K81" s="102"/>
      <c r="L81" s="84"/>
      <c r="M81" s="81"/>
      <c r="N81" s="102"/>
      <c r="O81" s="84"/>
      <c r="P81" s="81"/>
      <c r="Q81" s="102"/>
      <c r="R81" s="81"/>
      <c r="S81" s="98"/>
      <c r="T81" s="102"/>
      <c r="U81" s="102"/>
      <c r="V81" s="102"/>
      <c r="W81" s="58"/>
      <c r="X81" s="13"/>
    </row>
    <row r="82" spans="1:24" ht="28.15" customHeight="1" x14ac:dyDescent="0.15">
      <c r="A82" s="12"/>
      <c r="B82" s="13"/>
      <c r="C82" s="13"/>
      <c r="D82" s="13"/>
      <c r="E82" s="13"/>
      <c r="F82" s="13"/>
      <c r="G82" s="13"/>
      <c r="H82" s="13"/>
      <c r="I82" s="13"/>
      <c r="J82" s="13"/>
      <c r="K82" s="13"/>
      <c r="L82" s="13"/>
      <c r="M82" s="13"/>
      <c r="N82" s="13"/>
      <c r="O82" s="13"/>
      <c r="P82" s="13"/>
      <c r="Q82" s="13"/>
      <c r="R82" s="13"/>
      <c r="S82" s="13"/>
      <c r="T82" s="13"/>
      <c r="U82" s="13"/>
      <c r="V82" s="12"/>
      <c r="W82" s="12"/>
      <c r="X82" s="13"/>
    </row>
    <row r="83" spans="1:24" ht="28.15" customHeight="1" x14ac:dyDescent="0.15">
      <c r="B83" s="107" t="str">
        <f>A50</f>
        <v>第４回　東播秋季タイムトライアル大会</v>
      </c>
      <c r="C83" s="107"/>
      <c r="D83" s="107"/>
      <c r="E83" s="107"/>
      <c r="F83" s="107"/>
      <c r="G83" s="108" t="s">
        <v>21</v>
      </c>
      <c r="H83" s="108"/>
      <c r="I83" s="108"/>
      <c r="J83" s="108"/>
      <c r="K83" s="108"/>
      <c r="L83" s="108"/>
      <c r="M83" s="108"/>
      <c r="N83" s="108"/>
      <c r="O83" s="108"/>
      <c r="P83" s="108"/>
      <c r="Q83" s="108"/>
      <c r="R83" s="108"/>
      <c r="S83" s="93"/>
      <c r="T83" s="37"/>
      <c r="U83" s="37"/>
      <c r="V83" s="37"/>
      <c r="W83" s="13"/>
      <c r="X83" s="13"/>
    </row>
    <row r="84" spans="1:24" ht="28.15" customHeight="1" thickBot="1" x14ac:dyDescent="0.2">
      <c r="B84" s="36"/>
      <c r="R84" s="37"/>
      <c r="S84" s="37"/>
      <c r="T84" s="37"/>
      <c r="U84" s="37"/>
      <c r="V84" s="37"/>
      <c r="W84" s="13"/>
      <c r="X84" s="13"/>
    </row>
    <row r="85" spans="1:24" ht="15" customHeight="1" x14ac:dyDescent="0.15">
      <c r="B85" s="13"/>
      <c r="C85" s="13"/>
      <c r="D85" s="13"/>
      <c r="E85" s="13"/>
      <c r="F85" s="13"/>
      <c r="G85" s="13"/>
      <c r="H85" s="13"/>
      <c r="I85" s="13"/>
      <c r="J85" s="62"/>
      <c r="K85" s="63"/>
      <c r="L85" s="63"/>
      <c r="M85" s="60"/>
      <c r="N85" s="64"/>
      <c r="O85" s="64"/>
      <c r="P85" s="14"/>
      <c r="Q85" s="15"/>
      <c r="R85" s="15"/>
      <c r="S85" s="15"/>
      <c r="T85" s="15"/>
      <c r="U85" s="15"/>
      <c r="V85" s="69"/>
      <c r="W85" s="16"/>
      <c r="X85" s="13"/>
    </row>
    <row r="86" spans="1:24" ht="15" customHeight="1" x14ac:dyDescent="0.15">
      <c r="B86" s="106"/>
      <c r="C86" s="106"/>
      <c r="D86" s="106"/>
      <c r="E86" s="106"/>
      <c r="F86" s="13"/>
      <c r="G86" s="13"/>
      <c r="H86" s="13"/>
      <c r="I86" s="13"/>
      <c r="J86" s="127" t="s">
        <v>7</v>
      </c>
      <c r="K86" s="128"/>
      <c r="L86" s="78"/>
      <c r="M86" s="129"/>
      <c r="N86" s="129"/>
      <c r="O86" s="129"/>
      <c r="P86" s="129"/>
      <c r="Q86" s="129"/>
      <c r="R86" s="129"/>
      <c r="S86" s="129"/>
      <c r="T86" s="129"/>
      <c r="U86" s="129"/>
      <c r="V86" s="70"/>
      <c r="W86" s="16"/>
      <c r="X86" s="13"/>
    </row>
    <row r="87" spans="1:24" ht="15" customHeight="1" x14ac:dyDescent="0.15">
      <c r="B87" s="13"/>
      <c r="C87" s="13"/>
      <c r="D87" s="13"/>
      <c r="E87" s="13"/>
      <c r="F87" s="13"/>
      <c r="G87" s="13"/>
      <c r="H87" s="12"/>
      <c r="I87" s="12"/>
      <c r="J87" s="127"/>
      <c r="K87" s="128"/>
      <c r="L87" s="78"/>
      <c r="M87" s="129"/>
      <c r="N87" s="129"/>
      <c r="O87" s="129"/>
      <c r="P87" s="129"/>
      <c r="Q87" s="129"/>
      <c r="R87" s="129"/>
      <c r="S87" s="129"/>
      <c r="T87" s="129"/>
      <c r="U87" s="129"/>
      <c r="V87" s="71"/>
      <c r="W87" s="19"/>
      <c r="X87" s="13"/>
    </row>
    <row r="88" spans="1:24" ht="15" customHeight="1" x14ac:dyDescent="0.15">
      <c r="B88" s="17"/>
      <c r="C88" s="13"/>
      <c r="D88" s="13"/>
      <c r="E88" s="13"/>
      <c r="F88" s="13"/>
      <c r="G88" s="13"/>
      <c r="H88" s="13"/>
      <c r="I88" s="13"/>
      <c r="J88" s="127" t="s">
        <v>8</v>
      </c>
      <c r="K88" s="128"/>
      <c r="L88" s="78"/>
      <c r="M88" s="61"/>
      <c r="N88" s="111"/>
      <c r="O88" s="111"/>
      <c r="P88" s="111"/>
      <c r="Q88" s="111"/>
      <c r="R88" s="111"/>
      <c r="S88" s="111"/>
      <c r="T88" s="111"/>
      <c r="U88" s="46" t="s">
        <v>9</v>
      </c>
      <c r="V88" s="72"/>
      <c r="W88" s="19"/>
      <c r="X88" s="13"/>
    </row>
    <row r="89" spans="1:24" ht="15" customHeight="1" x14ac:dyDescent="0.15">
      <c r="B89" s="13"/>
      <c r="C89" s="13"/>
      <c r="D89" s="13"/>
      <c r="E89" s="13"/>
      <c r="F89" s="13"/>
      <c r="G89" s="13"/>
      <c r="H89" s="13"/>
      <c r="I89" s="13"/>
      <c r="J89" s="127"/>
      <c r="K89" s="128"/>
      <c r="L89" s="78"/>
      <c r="M89" s="66"/>
      <c r="N89" s="111"/>
      <c r="O89" s="111"/>
      <c r="P89" s="111"/>
      <c r="Q89" s="111"/>
      <c r="R89" s="111"/>
      <c r="S89" s="111"/>
      <c r="T89" s="111"/>
      <c r="U89" s="77"/>
      <c r="V89" s="70"/>
      <c r="W89" s="16"/>
      <c r="X89" s="13"/>
    </row>
    <row r="90" spans="1:24" ht="15" customHeight="1" x14ac:dyDescent="0.15">
      <c r="B90" s="13"/>
      <c r="C90" s="13"/>
      <c r="D90" s="13"/>
      <c r="E90" s="13"/>
      <c r="F90" s="13"/>
      <c r="G90" s="13"/>
      <c r="J90" s="65" t="s">
        <v>10</v>
      </c>
      <c r="K90" s="67"/>
      <c r="L90" s="67"/>
      <c r="M90" s="68" t="s">
        <v>11</v>
      </c>
      <c r="N90" s="119"/>
      <c r="O90" s="119"/>
      <c r="P90" s="119"/>
      <c r="Q90" s="119"/>
      <c r="R90" s="119"/>
      <c r="S90" s="92"/>
      <c r="T90" s="20"/>
      <c r="U90" s="16"/>
      <c r="V90" s="73"/>
      <c r="W90" s="20"/>
      <c r="X90" s="13"/>
    </row>
    <row r="91" spans="1:24" ht="15" customHeight="1" x14ac:dyDescent="0.15">
      <c r="C91" s="2"/>
      <c r="D91" s="2"/>
      <c r="E91" s="2"/>
      <c r="J91" s="120"/>
      <c r="K91" s="121"/>
      <c r="L91" s="121"/>
      <c r="M91" s="121"/>
      <c r="N91" s="121"/>
      <c r="O91" s="121"/>
      <c r="P91" s="121"/>
      <c r="Q91" s="121"/>
      <c r="R91" s="121"/>
      <c r="S91" s="121"/>
      <c r="T91" s="121"/>
      <c r="U91" s="121"/>
      <c r="V91" s="122"/>
      <c r="W91" s="20"/>
      <c r="X91" s="13"/>
    </row>
    <row r="92" spans="1:24" ht="15" customHeight="1" x14ac:dyDescent="0.15">
      <c r="J92" s="120"/>
      <c r="K92" s="121"/>
      <c r="L92" s="121"/>
      <c r="M92" s="121"/>
      <c r="N92" s="121"/>
      <c r="O92" s="121"/>
      <c r="P92" s="121"/>
      <c r="Q92" s="121"/>
      <c r="R92" s="121"/>
      <c r="S92" s="121"/>
      <c r="T92" s="121"/>
      <c r="U92" s="121"/>
      <c r="V92" s="122"/>
      <c r="W92" s="16"/>
      <c r="X92" s="13"/>
    </row>
    <row r="93" spans="1:24" ht="15" customHeight="1" x14ac:dyDescent="0.15">
      <c r="B93" s="109" t="str">
        <f>B44</f>
        <v>令和　７　年　　月　　日</v>
      </c>
      <c r="C93" s="109"/>
      <c r="D93" s="109"/>
      <c r="E93" s="109"/>
      <c r="J93" s="136" t="s">
        <v>12</v>
      </c>
      <c r="K93" s="137"/>
      <c r="L93" s="137"/>
      <c r="M93" s="137"/>
      <c r="N93" s="137"/>
      <c r="O93" s="79"/>
      <c r="P93" s="134"/>
      <c r="Q93" s="134"/>
      <c r="R93" s="134"/>
      <c r="S93" s="134"/>
      <c r="T93" s="134"/>
      <c r="U93" s="134"/>
      <c r="V93" s="70"/>
      <c r="W93" s="16"/>
      <c r="X93" s="13"/>
    </row>
    <row r="94" spans="1:24" ht="15" customHeight="1" x14ac:dyDescent="0.15">
      <c r="B94" s="109"/>
      <c r="C94" s="109"/>
      <c r="D94" s="109"/>
      <c r="E94" s="109"/>
      <c r="J94" s="136"/>
      <c r="K94" s="137"/>
      <c r="L94" s="137"/>
      <c r="M94" s="137"/>
      <c r="N94" s="137"/>
      <c r="O94" s="79"/>
      <c r="P94" s="134"/>
      <c r="Q94" s="134"/>
      <c r="R94" s="134"/>
      <c r="S94" s="134"/>
      <c r="T94" s="134"/>
      <c r="U94" s="134"/>
      <c r="V94" s="70"/>
      <c r="W94" s="16"/>
      <c r="X94" s="13"/>
    </row>
    <row r="95" spans="1:24" ht="15" customHeight="1" x14ac:dyDescent="0.15">
      <c r="J95" s="136" t="s">
        <v>13</v>
      </c>
      <c r="K95" s="137"/>
      <c r="L95" s="137"/>
      <c r="M95" s="137"/>
      <c r="N95" s="137"/>
      <c r="O95" s="79"/>
      <c r="P95" s="134"/>
      <c r="Q95" s="134"/>
      <c r="R95" s="134"/>
      <c r="S95" s="134"/>
      <c r="T95" s="134"/>
      <c r="U95" s="134"/>
      <c r="V95" s="70"/>
      <c r="W95" s="16"/>
      <c r="X95" s="13"/>
    </row>
    <row r="96" spans="1:24" ht="15" customHeight="1" thickBot="1" x14ac:dyDescent="0.2">
      <c r="J96" s="138"/>
      <c r="K96" s="139"/>
      <c r="L96" s="139"/>
      <c r="M96" s="139"/>
      <c r="N96" s="139"/>
      <c r="O96" s="80"/>
      <c r="P96" s="135"/>
      <c r="Q96" s="135"/>
      <c r="R96" s="135"/>
      <c r="S96" s="135"/>
      <c r="T96" s="135"/>
      <c r="U96" s="135"/>
      <c r="V96" s="74"/>
      <c r="W96" s="16"/>
      <c r="X96" s="13"/>
    </row>
    <row r="97" spans="22:22" x14ac:dyDescent="0.15">
      <c r="V97" s="76">
        <v>2021</v>
      </c>
    </row>
  </sheetData>
  <mergeCells count="54">
    <mergeCell ref="J95:N96"/>
    <mergeCell ref="P95:U96"/>
    <mergeCell ref="J88:K89"/>
    <mergeCell ref="N90:R90"/>
    <mergeCell ref="J91:V92"/>
    <mergeCell ref="J93:N94"/>
    <mergeCell ref="P93:U94"/>
    <mergeCell ref="N88:T89"/>
    <mergeCell ref="C5:V5"/>
    <mergeCell ref="C54:V54"/>
    <mergeCell ref="T52:U52"/>
    <mergeCell ref="C53:V53"/>
    <mergeCell ref="A51:V51"/>
    <mergeCell ref="R6:T6"/>
    <mergeCell ref="P44:U45"/>
    <mergeCell ref="P46:U47"/>
    <mergeCell ref="M37:U38"/>
    <mergeCell ref="J37:K38"/>
    <mergeCell ref="J39:K40"/>
    <mergeCell ref="J46:N47"/>
    <mergeCell ref="J44:N45"/>
    <mergeCell ref="B6:B7"/>
    <mergeCell ref="C6:C7"/>
    <mergeCell ref="N39:T40"/>
    <mergeCell ref="B93:E94"/>
    <mergeCell ref="A55:A56"/>
    <mergeCell ref="B55:B56"/>
    <mergeCell ref="C55:C56"/>
    <mergeCell ref="E55:H55"/>
    <mergeCell ref="B83:F83"/>
    <mergeCell ref="G83:R83"/>
    <mergeCell ref="B86:E86"/>
    <mergeCell ref="J86:K87"/>
    <mergeCell ref="M86:U87"/>
    <mergeCell ref="R55:T55"/>
    <mergeCell ref="I55:K55"/>
    <mergeCell ref="L55:N55"/>
    <mergeCell ref="O55:Q55"/>
    <mergeCell ref="A1:W1"/>
    <mergeCell ref="A50:W50"/>
    <mergeCell ref="C4:V4"/>
    <mergeCell ref="B37:E37"/>
    <mergeCell ref="B34:F34"/>
    <mergeCell ref="G34:R34"/>
    <mergeCell ref="B44:E45"/>
    <mergeCell ref="T3:U3"/>
    <mergeCell ref="A2:V2"/>
    <mergeCell ref="J6:K6"/>
    <mergeCell ref="M6:N6"/>
    <mergeCell ref="A6:A7"/>
    <mergeCell ref="E6:H6"/>
    <mergeCell ref="N41:R41"/>
    <mergeCell ref="J42:V43"/>
    <mergeCell ref="O6:Q6"/>
  </mergeCells>
  <phoneticPr fontId="2"/>
  <printOptions horizontalCentered="1"/>
  <pageMargins left="0.39370078740157483" right="0.23622047244094491" top="0.39370078740157483" bottom="0.39370078740157483" header="0.51181102362204722" footer="0.51181102362204722"/>
  <pageSetup paperSize="9" scale="65" orientation="portrait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県高校（Ａ）票</vt:lpstr>
      <vt:lpstr>'県高校（Ａ）票'!Print_Area</vt:lpstr>
    </vt:vector>
  </TitlesOfParts>
  <Company>兵庫県教育委員会 教育企画課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兵庫県教育委員会</dc:creator>
  <cp:lastModifiedBy>神尾　浩史</cp:lastModifiedBy>
  <cp:lastPrinted>2023-09-05T05:36:27Z</cp:lastPrinted>
  <dcterms:created xsi:type="dcterms:W3CDTF">2013-05-16T09:46:07Z</dcterms:created>
  <dcterms:modified xsi:type="dcterms:W3CDTF">2025-09-09T06:19:26Z</dcterms:modified>
</cp:coreProperties>
</file>